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1º Quad 2018 RGF PUBLICAÇÃO\"/>
    </mc:Choice>
  </mc:AlternateContent>
  <bookViews>
    <workbookView xWindow="0" yWindow="0" windowWidth="20490" windowHeight="7350" firstSheet="3" activeTab="4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6 - Gestão Fiscal Simp" sheetId="5" r:id="rId5"/>
  </sheets>
  <calcPr calcId="162913"/>
</workbook>
</file>

<file path=xl/sharedStrings.xml><?xml version="1.0" encoding="utf-8"?>
<sst xmlns="http://schemas.openxmlformats.org/spreadsheetml/2006/main" count="956" uniqueCount="283">
  <si>
    <t>GOVERNO DO ESTADO DE MATO GROSSO DO SUL</t>
  </si>
  <si>
    <t>Relatório de Gestão Fiscal</t>
  </si>
  <si>
    <t>Anexo 1 - Demonstrativo da Despesa com Pessoal</t>
  </si>
  <si>
    <t>Orçamentos Fiscal e da Seguridade Social</t>
  </si>
  <si>
    <t>Janeiro até Abril - 1º Quadrimestre/2018</t>
  </si>
  <si>
    <t>LRF, Art. 55, inciso I, alínea "a"</t>
  </si>
  <si>
    <t>Nº</t>
  </si>
  <si>
    <t/>
  </si>
  <si>
    <t>DESPESA COM PESSOAL</t>
  </si>
  <si>
    <t>Despesas Liquidadas</t>
  </si>
  <si>
    <t>Mai/2017</t>
  </si>
  <si>
    <t>Jun/2017</t>
  </si>
  <si>
    <t>Jul/2017</t>
  </si>
  <si>
    <t>Ago/2017</t>
  </si>
  <si>
    <t>Set/2017</t>
  </si>
  <si>
    <t>Out/2017</t>
  </si>
  <si>
    <t>Nov/2017</t>
  </si>
  <si>
    <t>Dez/2017</t>
  </si>
  <si>
    <t>Jan/2018</t>
  </si>
  <si>
    <t>Fev/2018</t>
  </si>
  <si>
    <t>Mar/2018</t>
  </si>
  <si>
    <t>Abr/2018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0,00</t>
  </si>
  <si>
    <t>10</t>
  </si>
  <si>
    <t xml:space="preserve">   Outras despesas de pessoal decorrentes de contratos de terceirização (§ 1º do art. 18 da LRF)</t>
  </si>
  <si>
    <t>11</t>
  </si>
  <si>
    <t xml:space="preserve">DESPESAS NÃO COMPUTADAS (II) (§ 1º do art. 19 da LRF) </t>
  </si>
  <si>
    <t>12</t>
  </si>
  <si>
    <t xml:space="preserve">   Indenizações por Demissão e Incentivos à Demissão Voluntária</t>
  </si>
  <si>
    <t>13</t>
  </si>
  <si>
    <t xml:space="preserve">      Decorrentes de Decisão Judicial de período anterior ao da apuração</t>
  </si>
  <si>
    <t>14</t>
  </si>
  <si>
    <t xml:space="preserve">      Despesas de Exercícios Anteriores de período anterior ao da apuração</t>
  </si>
  <si>
    <t>15</t>
  </si>
  <si>
    <t xml:space="preserve">   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21</t>
  </si>
  <si>
    <t>LIMITE MÁXIMO (incisos I, II e III do art.20 da LRF) - 49% da RCL</t>
  </si>
  <si>
    <t>22</t>
  </si>
  <si>
    <t>LIMITE PRUDENCIAL (parágrafo único do art.22 da LRF) - 46,55% da RCL</t>
  </si>
  <si>
    <t>23</t>
  </si>
  <si>
    <t>LIMITE DE ALERTA (inciso II do § 1º do art. 59 da LRF) - 44,1%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8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 xml:space="preserve">      Disponibilidade de Caixa bruta</t>
  </si>
  <si>
    <t xml:space="preserve">      (-) Restos a Pagar Processados</t>
  </si>
  <si>
    <t xml:space="preserve">   Demais Haveres Financeiros</t>
  </si>
  <si>
    <t>25</t>
  </si>
  <si>
    <t>DÍVIDA CONSOLIDADA LÍQUIDA² (DCL) (III) = (I - II)</t>
  </si>
  <si>
    <t>26</t>
  </si>
  <si>
    <t>RECEITA CORRENTE LÍQUIDA - RCL</t>
  </si>
  <si>
    <t>27</t>
  </si>
  <si>
    <t>% DA DC sobre a RCL (I/RCL)</t>
  </si>
  <si>
    <t>28</t>
  </si>
  <si>
    <t>% DA DCL Sobre a RCL (III/RCL)</t>
  </si>
  <si>
    <t>29</t>
  </si>
  <si>
    <t>LIMITE DEFINIDO POR RESOLUÇÃO DO SENADO FEDERAL - 200%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</t>
  </si>
  <si>
    <t>Exercício em que o ente excedeu o limite / Quadrimestre/Semestre</t>
  </si>
  <si>
    <t>% DCL (b)</t>
  </si>
  <si>
    <t>% Excedente</t>
  </si>
  <si>
    <t>Exercício do primeiro período</t>
  </si>
  <si>
    <t>Redutor mínimo de 25% do Excedente (d) = (0,25*c)</t>
  </si>
  <si>
    <t>Limite (e) = (b-d)</t>
  </si>
  <si>
    <t>% DCL (f)</t>
  </si>
  <si>
    <t>Exercício do segundo período seguinte</t>
  </si>
  <si>
    <t>Redutor Residual (g) = (f-a)</t>
  </si>
  <si>
    <t>Limite (h) = (e)</t>
  </si>
  <si>
    <t>% DCL (i)</t>
  </si>
  <si>
    <t>Exercício do terceiro período seguinte</t>
  </si>
  <si>
    <t>Redutor Residual (j) = (i-a)</t>
  </si>
  <si>
    <t>Limite (k) = (a)</t>
  </si>
  <si>
    <t>% DCL (l)</t>
  </si>
  <si>
    <t>40</t>
  </si>
  <si>
    <t>DESCRIÇÃO</t>
  </si>
  <si>
    <t xml:space="preserve">  EXERCÍCIO FINANCEIRO</t>
  </si>
  <si>
    <t>2001 - 3º Quadrimestre</t>
  </si>
  <si>
    <t>DCL</t>
  </si>
  <si>
    <t>Excedente(4)</t>
  </si>
  <si>
    <t>Redutor</t>
  </si>
  <si>
    <t>2002 - Quadrimestre</t>
  </si>
  <si>
    <t>1º</t>
  </si>
  <si>
    <t>2º</t>
  </si>
  <si>
    <t>3º</t>
  </si>
  <si>
    <t>2003 - Quadrimestre</t>
  </si>
  <si>
    <t>2004 - Quadrimestre</t>
  </si>
  <si>
    <t>41</t>
  </si>
  <si>
    <t>% DA DCL SOBRE A RCL</t>
  </si>
  <si>
    <t>42</t>
  </si>
  <si>
    <t>% Limite de Endividamento</t>
  </si>
  <si>
    <t xml:space="preserve"> EXERCÍCIO FINANCEIRO</t>
  </si>
  <si>
    <t>2005 - Quadrimestre</t>
  </si>
  <si>
    <t>2006 - Quadrimestre</t>
  </si>
  <si>
    <t>2007 - Quadrimestre</t>
  </si>
  <si>
    <t>2008 - Quadrimestre</t>
  </si>
  <si>
    <t>43</t>
  </si>
  <si>
    <t>44</t>
  </si>
  <si>
    <t>2009 - Quadrimestre</t>
  </si>
  <si>
    <t>2010 - Quadrimestre</t>
  </si>
  <si>
    <t>2011 - Quadrimestre</t>
  </si>
  <si>
    <t>2012 - Quadrimestre</t>
  </si>
  <si>
    <t>45</t>
  </si>
  <si>
    <t>46</t>
  </si>
  <si>
    <t>2013 - Quadrimestre</t>
  </si>
  <si>
    <t>2014 - Quadrimestre</t>
  </si>
  <si>
    <t>2015 - Quadrimestre</t>
  </si>
  <si>
    <t>2016 - Quadrimestre</t>
  </si>
  <si>
    <t>47</t>
  </si>
  <si>
    <t>48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opLeftCell="A34" workbookViewId="0">
      <selection activeCell="C37" sqref="C37"/>
    </sheetView>
  </sheetViews>
  <sheetFormatPr defaultRowHeight="15" x14ac:dyDescent="0.25"/>
  <cols>
    <col min="1" max="1" width="3.28515625" bestFit="1" customWidth="1"/>
    <col min="2" max="2" width="85.5703125" bestFit="1" customWidth="1"/>
    <col min="3" max="3" width="20.140625" bestFit="1" customWidth="1"/>
    <col min="4" max="4" width="23.85546875" bestFit="1" customWidth="1"/>
    <col min="5" max="9" width="17.28515625" bestFit="1" customWidth="1"/>
    <col min="10" max="10" width="19" bestFit="1" customWidth="1"/>
    <col min="11" max="14" width="17.28515625" bestFit="1" customWidth="1"/>
    <col min="15" max="15" width="19" bestFit="1" customWidth="1"/>
    <col min="16" max="16" width="16.7109375" customWidth="1"/>
  </cols>
  <sheetData>
    <row r="3" spans="1:16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</row>
    <row r="4" spans="1:16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</row>
    <row r="5" spans="1:16" x14ac:dyDescent="0.25">
      <c r="A5" s="10" t="s">
        <v>2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</row>
    <row r="6" spans="1:16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</row>
    <row r="7" spans="1:16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</row>
    <row r="9" spans="1:16" x14ac:dyDescent="0.25">
      <c r="A9" s="11" t="s">
        <v>5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  <c r="P9" s="9"/>
    </row>
    <row r="10" spans="1:16" x14ac:dyDescent="0.25">
      <c r="A10" s="12" t="s">
        <v>6</v>
      </c>
      <c r="B10" s="12" t="s">
        <v>8</v>
      </c>
      <c r="C10" s="12" t="s">
        <v>9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7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7</v>
      </c>
      <c r="O10" s="12" t="s">
        <v>7</v>
      </c>
      <c r="P10" s="12" t="s">
        <v>23</v>
      </c>
    </row>
    <row r="11" spans="1:16" ht="52.5" x14ac:dyDescent="0.25">
      <c r="A11" s="12" t="s">
        <v>7</v>
      </c>
      <c r="B11" s="12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2" t="s">
        <v>7</v>
      </c>
    </row>
    <row r="12" spans="1:16" x14ac:dyDescent="0.25">
      <c r="A12" s="5" t="s">
        <v>24</v>
      </c>
      <c r="B12" s="7" t="s">
        <v>25</v>
      </c>
      <c r="C12" s="13">
        <v>579237622.01999998</v>
      </c>
      <c r="D12" s="13">
        <v>518490383.50999999</v>
      </c>
      <c r="E12" s="13">
        <v>523805508.27999997</v>
      </c>
      <c r="F12" s="13">
        <v>519206365.16000003</v>
      </c>
      <c r="G12" s="13">
        <v>556734773.05999994</v>
      </c>
      <c r="H12" s="13">
        <v>546194262.42999995</v>
      </c>
      <c r="I12" s="13">
        <v>289004144.25</v>
      </c>
      <c r="J12" s="13">
        <v>1111286465.47</v>
      </c>
      <c r="K12" s="13">
        <v>449842767.58999997</v>
      </c>
      <c r="L12" s="13">
        <v>555629708.76999998</v>
      </c>
      <c r="M12" s="13">
        <v>629303772.44000006</v>
      </c>
      <c r="N12" s="13">
        <v>572676061.02999997</v>
      </c>
      <c r="O12" s="13">
        <v>6851411834.0100002</v>
      </c>
      <c r="P12" s="13">
        <v>573343467.29999995</v>
      </c>
    </row>
    <row r="13" spans="1:16" x14ac:dyDescent="0.25">
      <c r="A13" s="5" t="s">
        <v>26</v>
      </c>
      <c r="B13" s="7" t="s">
        <v>27</v>
      </c>
      <c r="C13" s="13">
        <v>382745911.16000003</v>
      </c>
      <c r="D13" s="13">
        <v>360085912.41000003</v>
      </c>
      <c r="E13" s="13">
        <v>336790121.44</v>
      </c>
      <c r="F13" s="13">
        <v>368161175.31999999</v>
      </c>
      <c r="G13" s="13">
        <v>383464711.56</v>
      </c>
      <c r="H13" s="13">
        <v>365130604.30000001</v>
      </c>
      <c r="I13" s="13">
        <v>287362300.83999997</v>
      </c>
      <c r="J13" s="13">
        <v>539626851.95000005</v>
      </c>
      <c r="K13" s="13">
        <v>280320781.56</v>
      </c>
      <c r="L13" s="13">
        <v>366656806.12</v>
      </c>
      <c r="M13" s="13">
        <v>406572832.93000001</v>
      </c>
      <c r="N13" s="13">
        <v>390018169.99000001</v>
      </c>
      <c r="O13" s="13">
        <v>4466936179.5799999</v>
      </c>
      <c r="P13" s="13">
        <v>197872044.94999999</v>
      </c>
    </row>
    <row r="14" spans="1:16" x14ac:dyDescent="0.25">
      <c r="A14" s="4" t="s">
        <v>28</v>
      </c>
      <c r="B14" s="6" t="s">
        <v>29</v>
      </c>
      <c r="C14" s="14">
        <v>297665284.10000002</v>
      </c>
      <c r="D14" s="14">
        <v>270640759.91000003</v>
      </c>
      <c r="E14" s="14">
        <v>259959026.49000001</v>
      </c>
      <c r="F14" s="14">
        <v>291706196.76999998</v>
      </c>
      <c r="G14" s="14">
        <v>275459822.06999999</v>
      </c>
      <c r="H14" s="14">
        <v>276098324.69999999</v>
      </c>
      <c r="I14" s="14">
        <v>207912763.03</v>
      </c>
      <c r="J14" s="14">
        <v>420770905.77999997</v>
      </c>
      <c r="K14" s="14">
        <v>238502196.68000001</v>
      </c>
      <c r="L14" s="14">
        <v>276689339.13999999</v>
      </c>
      <c r="M14" s="14">
        <v>293191374.69999999</v>
      </c>
      <c r="N14" s="14">
        <v>294696823.45999998</v>
      </c>
      <c r="O14" s="14">
        <v>3403292816.8299999</v>
      </c>
      <c r="P14" s="14">
        <v>195241540.06</v>
      </c>
    </row>
    <row r="15" spans="1:16" x14ac:dyDescent="0.25">
      <c r="A15" s="4" t="s">
        <v>30</v>
      </c>
      <c r="B15" s="6" t="s">
        <v>31</v>
      </c>
      <c r="C15" s="14">
        <v>84098090</v>
      </c>
      <c r="D15" s="14">
        <v>89706134.590000004</v>
      </c>
      <c r="E15" s="14">
        <v>76114639.280000001</v>
      </c>
      <c r="F15" s="14">
        <v>76017541.909999996</v>
      </c>
      <c r="G15" s="14">
        <v>107337105.65000001</v>
      </c>
      <c r="H15" s="14">
        <v>88637905.659999996</v>
      </c>
      <c r="I15" s="14">
        <v>78786223.079999998</v>
      </c>
      <c r="J15" s="14">
        <v>117918259.98999999</v>
      </c>
      <c r="K15" s="14">
        <v>41667317.880000003</v>
      </c>
      <c r="L15" s="14">
        <v>89773685.209999993</v>
      </c>
      <c r="M15" s="14">
        <v>112173281.48999999</v>
      </c>
      <c r="N15" s="14">
        <v>95294534.25</v>
      </c>
      <c r="O15" s="14">
        <v>1057524718.99</v>
      </c>
      <c r="P15" s="14">
        <v>1921026.53</v>
      </c>
    </row>
    <row r="16" spans="1:16" x14ac:dyDescent="0.25">
      <c r="A16" s="4" t="s">
        <v>32</v>
      </c>
      <c r="B16" s="6" t="s">
        <v>33</v>
      </c>
      <c r="C16" s="14">
        <v>982537.06</v>
      </c>
      <c r="D16" s="14">
        <v>-260982.09</v>
      </c>
      <c r="E16" s="14">
        <v>716455.67</v>
      </c>
      <c r="F16" s="14">
        <v>437436.64</v>
      </c>
      <c r="G16" s="14">
        <v>667783.84</v>
      </c>
      <c r="H16" s="14">
        <v>394373.94</v>
      </c>
      <c r="I16" s="14">
        <v>663314.73</v>
      </c>
      <c r="J16" s="14">
        <v>937686.18</v>
      </c>
      <c r="K16" s="14">
        <v>151267</v>
      </c>
      <c r="L16" s="14">
        <v>193781.77</v>
      </c>
      <c r="M16" s="14">
        <v>1208176.74</v>
      </c>
      <c r="N16" s="14">
        <v>26812.28</v>
      </c>
      <c r="O16" s="14">
        <v>6118643.7599999998</v>
      </c>
      <c r="P16" s="14">
        <v>709478.36</v>
      </c>
    </row>
    <row r="17" spans="1:16" x14ac:dyDescent="0.25">
      <c r="A17" s="5" t="s">
        <v>34</v>
      </c>
      <c r="B17" s="7" t="s">
        <v>35</v>
      </c>
      <c r="C17" s="13">
        <v>196491710.86000001</v>
      </c>
      <c r="D17" s="13">
        <v>158404471.09999999</v>
      </c>
      <c r="E17" s="13">
        <v>187015386.84</v>
      </c>
      <c r="F17" s="13">
        <v>151045189.84</v>
      </c>
      <c r="G17" s="13">
        <v>173270061.5</v>
      </c>
      <c r="H17" s="13">
        <v>181063658.13</v>
      </c>
      <c r="I17" s="13">
        <v>1641843.41</v>
      </c>
      <c r="J17" s="13">
        <v>571659613.51999998</v>
      </c>
      <c r="K17" s="13">
        <v>169521986.03</v>
      </c>
      <c r="L17" s="13">
        <v>188972902.65000001</v>
      </c>
      <c r="M17" s="13">
        <v>222730939.50999999</v>
      </c>
      <c r="N17" s="13">
        <v>182657891.03999999</v>
      </c>
      <c r="O17" s="13">
        <v>2384475654.4299998</v>
      </c>
      <c r="P17" s="13">
        <v>375471422.35000002</v>
      </c>
    </row>
    <row r="18" spans="1:16" x14ac:dyDescent="0.25">
      <c r="A18" s="4" t="s">
        <v>36</v>
      </c>
      <c r="B18" s="6" t="s">
        <v>37</v>
      </c>
      <c r="C18" s="14">
        <v>169300519.31999999</v>
      </c>
      <c r="D18" s="14">
        <v>137676108.31</v>
      </c>
      <c r="E18" s="14">
        <v>161781631.02000001</v>
      </c>
      <c r="F18" s="14">
        <v>127396278.01000001</v>
      </c>
      <c r="G18" s="14">
        <v>148235816.44999999</v>
      </c>
      <c r="H18" s="14">
        <v>156478855.09999999</v>
      </c>
      <c r="I18" s="14">
        <v>1801324.1</v>
      </c>
      <c r="J18" s="14">
        <v>496482094.37</v>
      </c>
      <c r="K18" s="14">
        <v>146878540.46000001</v>
      </c>
      <c r="L18" s="14">
        <v>163811391.94999999</v>
      </c>
      <c r="M18" s="14">
        <v>193606321.31</v>
      </c>
      <c r="N18" s="14">
        <v>159033539.59999999</v>
      </c>
      <c r="O18" s="14">
        <v>2062482420</v>
      </c>
      <c r="P18" s="14">
        <v>367594632.80000001</v>
      </c>
    </row>
    <row r="19" spans="1:16" x14ac:dyDescent="0.25">
      <c r="A19" s="4" t="s">
        <v>38</v>
      </c>
      <c r="B19" s="6" t="s">
        <v>39</v>
      </c>
      <c r="C19" s="14">
        <v>27189544.829999998</v>
      </c>
      <c r="D19" s="14">
        <v>20726694.329999998</v>
      </c>
      <c r="E19" s="14">
        <v>25232021.91</v>
      </c>
      <c r="F19" s="14">
        <v>23647171.91</v>
      </c>
      <c r="G19" s="14">
        <v>25032598.34</v>
      </c>
      <c r="H19" s="14">
        <v>24583114.890000001</v>
      </c>
      <c r="I19" s="14">
        <v>-159480.69</v>
      </c>
      <c r="J19" s="14">
        <v>75174229.209999993</v>
      </c>
      <c r="K19" s="14">
        <v>22643445.57</v>
      </c>
      <c r="L19" s="14">
        <v>25161510.699999999</v>
      </c>
      <c r="M19" s="14">
        <v>29122905.859999999</v>
      </c>
      <c r="N19" s="14">
        <v>23622797.649999999</v>
      </c>
      <c r="O19" s="14">
        <v>321976554.50999999</v>
      </c>
      <c r="P19" s="14">
        <v>7167311.1900000004</v>
      </c>
    </row>
    <row r="20" spans="1:16" x14ac:dyDescent="0.25">
      <c r="A20" s="4" t="s">
        <v>40</v>
      </c>
      <c r="B20" s="6" t="s">
        <v>41</v>
      </c>
      <c r="C20" s="14">
        <v>1646.71</v>
      </c>
      <c r="D20" s="14">
        <v>1668.46</v>
      </c>
      <c r="E20" s="14">
        <v>1733.91</v>
      </c>
      <c r="F20" s="14">
        <v>1739.92</v>
      </c>
      <c r="G20" s="14">
        <v>1646.71</v>
      </c>
      <c r="H20" s="14">
        <v>1688.14</v>
      </c>
      <c r="I20" s="14">
        <v>0</v>
      </c>
      <c r="J20" s="14">
        <v>3289.94</v>
      </c>
      <c r="K20" s="14">
        <v>0</v>
      </c>
      <c r="L20" s="14">
        <v>0</v>
      </c>
      <c r="M20" s="14">
        <v>1712.34</v>
      </c>
      <c r="N20" s="14">
        <v>1553.79</v>
      </c>
      <c r="O20" s="14">
        <v>16679.919999999998</v>
      </c>
      <c r="P20" s="14">
        <v>709478.36</v>
      </c>
    </row>
    <row r="21" spans="1:16" x14ac:dyDescent="0.25">
      <c r="A21" s="4" t="s">
        <v>43</v>
      </c>
      <c r="B21" s="6" t="s">
        <v>44</v>
      </c>
      <c r="C21" s="14">
        <v>0</v>
      </c>
      <c r="D21" s="14">
        <v>0</v>
      </c>
      <c r="E21" s="14">
        <v>0</v>
      </c>
      <c r="F21" s="14">
        <v>0</v>
      </c>
      <c r="G21" s="14">
        <v>0</v>
      </c>
      <c r="H21" s="14">
        <v>0</v>
      </c>
      <c r="I21" s="14">
        <v>0</v>
      </c>
      <c r="J21" s="14">
        <v>0</v>
      </c>
      <c r="K21" s="14">
        <v>0</v>
      </c>
      <c r="L21" s="14">
        <v>0</v>
      </c>
      <c r="M21" s="14">
        <v>0</v>
      </c>
      <c r="N21" s="14">
        <v>0</v>
      </c>
      <c r="O21" s="14">
        <v>0</v>
      </c>
      <c r="P21" s="14">
        <v>0</v>
      </c>
    </row>
    <row r="22" spans="1:16" x14ac:dyDescent="0.25">
      <c r="A22" s="5" t="s">
        <v>45</v>
      </c>
      <c r="B22" s="7" t="s">
        <v>46</v>
      </c>
      <c r="C22" s="13">
        <v>218969697.28</v>
      </c>
      <c r="D22" s="13">
        <v>163431246.94</v>
      </c>
      <c r="E22" s="13">
        <v>209240204.91</v>
      </c>
      <c r="F22" s="13">
        <v>171921212.63</v>
      </c>
      <c r="G22" s="13">
        <v>172503698.90000001</v>
      </c>
      <c r="H22" s="13">
        <v>192192929.25999999</v>
      </c>
      <c r="I22" s="13">
        <v>6588264.5499999998</v>
      </c>
      <c r="J22" s="13">
        <v>625418088.67999995</v>
      </c>
      <c r="K22" s="13">
        <v>180541252.80000001</v>
      </c>
      <c r="L22" s="13">
        <v>211002722.55000001</v>
      </c>
      <c r="M22" s="13">
        <v>242973522.44</v>
      </c>
      <c r="N22" s="13">
        <v>208906628.38999999</v>
      </c>
      <c r="O22" s="13">
        <v>2603689469.3299999</v>
      </c>
      <c r="P22" s="13">
        <v>231777.55</v>
      </c>
    </row>
    <row r="23" spans="1:16" x14ac:dyDescent="0.25">
      <c r="A23" s="5" t="s">
        <v>47</v>
      </c>
      <c r="B23" s="7" t="s">
        <v>48</v>
      </c>
      <c r="C23" s="13">
        <v>3835000.68</v>
      </c>
      <c r="D23" s="13">
        <v>3534999.59</v>
      </c>
      <c r="E23" s="13">
        <v>2883910.05</v>
      </c>
      <c r="F23" s="13">
        <v>3717616.67</v>
      </c>
      <c r="G23" s="13">
        <v>4441163.05</v>
      </c>
      <c r="H23" s="13">
        <v>3785409.71</v>
      </c>
      <c r="I23" s="13">
        <v>3995495.36</v>
      </c>
      <c r="J23" s="13">
        <v>26470318.800000001</v>
      </c>
      <c r="K23" s="13">
        <v>5217290.42</v>
      </c>
      <c r="L23" s="13">
        <v>3154798.87</v>
      </c>
      <c r="M23" s="13">
        <v>10094524.390000001</v>
      </c>
      <c r="N23" s="13">
        <v>8056033.6500000004</v>
      </c>
      <c r="O23" s="13">
        <v>79186561.239999995</v>
      </c>
      <c r="P23" s="13">
        <v>231777.55</v>
      </c>
    </row>
    <row r="24" spans="1:16" x14ac:dyDescent="0.25">
      <c r="A24" s="4" t="s">
        <v>49</v>
      </c>
      <c r="B24" s="6" t="s">
        <v>50</v>
      </c>
      <c r="C24" s="14">
        <v>17008393.329999998</v>
      </c>
      <c r="D24" s="14">
        <v>10498.51</v>
      </c>
      <c r="E24" s="14">
        <v>17248424.02</v>
      </c>
      <c r="F24" s="14">
        <v>15437840.460000001</v>
      </c>
      <c r="G24" s="14">
        <v>-7599848.3700000001</v>
      </c>
      <c r="H24" s="14">
        <v>5730307</v>
      </c>
      <c r="I24" s="14">
        <v>11895.54</v>
      </c>
      <c r="J24" s="14">
        <v>24395903.280000001</v>
      </c>
      <c r="K24" s="14">
        <v>1670.51</v>
      </c>
      <c r="L24" s="14">
        <v>15779926.02</v>
      </c>
      <c r="M24" s="14">
        <v>14131444.710000001</v>
      </c>
      <c r="N24" s="14">
        <v>21026819.440000001</v>
      </c>
      <c r="O24" s="14">
        <v>123183274.45</v>
      </c>
      <c r="P24" s="14">
        <v>0</v>
      </c>
    </row>
    <row r="25" spans="1:16" x14ac:dyDescent="0.25">
      <c r="A25" s="4" t="s">
        <v>51</v>
      </c>
      <c r="B25" s="6" t="s">
        <v>52</v>
      </c>
      <c r="C25" s="14">
        <v>1634592.41</v>
      </c>
      <c r="D25" s="14">
        <v>1481277.74</v>
      </c>
      <c r="E25" s="14">
        <v>2092484</v>
      </c>
      <c r="F25" s="14">
        <v>1720565.66</v>
      </c>
      <c r="G25" s="14">
        <v>2392322.7200000002</v>
      </c>
      <c r="H25" s="14">
        <v>1613554.42</v>
      </c>
      <c r="I25" s="14">
        <v>939030.24</v>
      </c>
      <c r="J25" s="14">
        <v>2892253.08</v>
      </c>
      <c r="K25" s="14">
        <v>5800305.8399999999</v>
      </c>
      <c r="L25" s="14">
        <v>3110112.71</v>
      </c>
      <c r="M25" s="14">
        <v>7370316.2400000002</v>
      </c>
      <c r="N25" s="14">
        <v>1927315.52</v>
      </c>
      <c r="O25" s="14">
        <v>32974130.579999998</v>
      </c>
      <c r="P25" s="14">
        <v>0</v>
      </c>
    </row>
    <row r="26" spans="1:16" x14ac:dyDescent="0.25">
      <c r="A26" s="4" t="s">
        <v>53</v>
      </c>
      <c r="B26" s="6" t="s">
        <v>54</v>
      </c>
      <c r="C26" s="14">
        <v>196491710.86000001</v>
      </c>
      <c r="D26" s="14">
        <v>158404471.09999999</v>
      </c>
      <c r="E26" s="14">
        <v>187015386.84</v>
      </c>
      <c r="F26" s="14">
        <v>151045189.84</v>
      </c>
      <c r="G26" s="14">
        <v>173270061.5</v>
      </c>
      <c r="H26" s="14">
        <v>181063658.13</v>
      </c>
      <c r="I26" s="14">
        <v>1641843.41</v>
      </c>
      <c r="J26" s="14">
        <v>571659613.51999998</v>
      </c>
      <c r="K26" s="14">
        <v>169521986.03</v>
      </c>
      <c r="L26" s="14">
        <v>188957884.94999999</v>
      </c>
      <c r="M26" s="14">
        <v>211377237.09999999</v>
      </c>
      <c r="N26" s="14">
        <v>177896459.78</v>
      </c>
      <c r="O26" s="14">
        <v>2368345503.0599999</v>
      </c>
      <c r="P26" s="14">
        <v>0</v>
      </c>
    </row>
    <row r="27" spans="1:16" x14ac:dyDescent="0.25">
      <c r="A27" s="5" t="s">
        <v>55</v>
      </c>
      <c r="B27" s="7" t="s">
        <v>56</v>
      </c>
      <c r="C27" s="13">
        <v>360267924.74000001</v>
      </c>
      <c r="D27" s="13">
        <v>355059136.56999999</v>
      </c>
      <c r="E27" s="13">
        <v>314565303.37</v>
      </c>
      <c r="F27" s="13">
        <v>347285152.52999997</v>
      </c>
      <c r="G27" s="13">
        <v>384231074.16000003</v>
      </c>
      <c r="H27" s="13">
        <v>354001333.17000002</v>
      </c>
      <c r="I27" s="13">
        <v>282415879.69999999</v>
      </c>
      <c r="J27" s="13">
        <v>485868376.79000002</v>
      </c>
      <c r="K27" s="13">
        <v>269301514.79000002</v>
      </c>
      <c r="L27" s="13">
        <v>344626986.22000003</v>
      </c>
      <c r="M27" s="13">
        <v>386330250</v>
      </c>
      <c r="N27" s="13">
        <v>363769432.63999999</v>
      </c>
      <c r="O27" s="13">
        <v>4247722364.6799998</v>
      </c>
      <c r="P27" s="13">
        <v>573111689.75</v>
      </c>
    </row>
    <row r="29" spans="1:16" x14ac:dyDescent="0.25">
      <c r="A29" s="12" t="s">
        <v>6</v>
      </c>
      <c r="B29" s="12" t="s">
        <v>57</v>
      </c>
      <c r="C29" s="12" t="s">
        <v>58</v>
      </c>
      <c r="D29" s="12" t="s">
        <v>59</v>
      </c>
    </row>
    <row r="30" spans="1:16" x14ac:dyDescent="0.25">
      <c r="A30" s="12" t="s">
        <v>7</v>
      </c>
      <c r="B30" s="12" t="s">
        <v>7</v>
      </c>
      <c r="C30" s="12" t="s">
        <v>7</v>
      </c>
      <c r="D30" s="12" t="s">
        <v>7</v>
      </c>
    </row>
    <row r="31" spans="1:16" x14ac:dyDescent="0.25">
      <c r="A31" s="4" t="s">
        <v>60</v>
      </c>
      <c r="B31" s="6" t="s">
        <v>61</v>
      </c>
      <c r="C31" s="14">
        <v>10151299321.780001</v>
      </c>
      <c r="D31" s="14">
        <v>100</v>
      </c>
    </row>
    <row r="32" spans="1:16" x14ac:dyDescent="0.25">
      <c r="A32" s="4" t="s">
        <v>62</v>
      </c>
      <c r="B32" s="6" t="s">
        <v>63</v>
      </c>
      <c r="C32" s="14">
        <v>0</v>
      </c>
      <c r="D32" s="14">
        <v>0</v>
      </c>
    </row>
    <row r="33" spans="1:11" x14ac:dyDescent="0.25">
      <c r="A33" s="5" t="s">
        <v>64</v>
      </c>
      <c r="B33" s="7" t="s">
        <v>65</v>
      </c>
      <c r="C33" s="13">
        <v>10151299321.780001</v>
      </c>
      <c r="D33" s="13">
        <v>100</v>
      </c>
    </row>
    <row r="34" spans="1:11" x14ac:dyDescent="0.25">
      <c r="A34" s="4" t="s">
        <v>66</v>
      </c>
      <c r="B34" s="6" t="s">
        <v>67</v>
      </c>
      <c r="C34" s="14">
        <v>4820834054.4300003</v>
      </c>
      <c r="D34" s="14">
        <v>47.49</v>
      </c>
    </row>
    <row r="35" spans="1:11" x14ac:dyDescent="0.25">
      <c r="A35" s="4" t="s">
        <v>68</v>
      </c>
      <c r="B35" s="6" t="s">
        <v>69</v>
      </c>
      <c r="C35" s="14">
        <v>4974136667.6700001</v>
      </c>
      <c r="D35" s="14">
        <v>49</v>
      </c>
    </row>
    <row r="36" spans="1:11" x14ac:dyDescent="0.25">
      <c r="A36" s="4" t="s">
        <v>70</v>
      </c>
      <c r="B36" s="6" t="s">
        <v>71</v>
      </c>
      <c r="C36" s="14">
        <v>4725429834.29</v>
      </c>
      <c r="D36" s="14">
        <v>46.55</v>
      </c>
    </row>
    <row r="37" spans="1:11" x14ac:dyDescent="0.25">
      <c r="A37" s="4" t="s">
        <v>72</v>
      </c>
      <c r="B37" s="6" t="s">
        <v>73</v>
      </c>
      <c r="C37" s="14">
        <v>4476723000.8999996</v>
      </c>
      <c r="D37" s="14">
        <v>44.1</v>
      </c>
    </row>
    <row r="39" spans="1:11" x14ac:dyDescent="0.25">
      <c r="A39" s="12" t="s">
        <v>6</v>
      </c>
      <c r="B39" s="12" t="s">
        <v>74</v>
      </c>
      <c r="C39" s="12" t="s">
        <v>75</v>
      </c>
      <c r="D39" s="12" t="s">
        <v>7</v>
      </c>
      <c r="E39" s="12" t="s">
        <v>7</v>
      </c>
      <c r="F39" s="12" t="s">
        <v>79</v>
      </c>
      <c r="G39" s="12" t="s">
        <v>7</v>
      </c>
      <c r="H39" s="12" t="s">
        <v>7</v>
      </c>
      <c r="I39" s="12" t="s">
        <v>83</v>
      </c>
      <c r="J39" s="12" t="s">
        <v>7</v>
      </c>
      <c r="K39" s="12" t="s">
        <v>83</v>
      </c>
    </row>
    <row r="40" spans="1:11" ht="73.5" x14ac:dyDescent="0.25">
      <c r="A40" s="12" t="s">
        <v>7</v>
      </c>
      <c r="B40" s="12" t="s">
        <v>7</v>
      </c>
      <c r="C40" s="1" t="s">
        <v>76</v>
      </c>
      <c r="D40" s="1" t="s">
        <v>77</v>
      </c>
      <c r="E40" s="1" t="s">
        <v>78</v>
      </c>
      <c r="F40" s="1" t="s">
        <v>80</v>
      </c>
      <c r="G40" s="1" t="s">
        <v>81</v>
      </c>
      <c r="H40" s="1" t="s">
        <v>82</v>
      </c>
      <c r="I40" s="1" t="s">
        <v>84</v>
      </c>
      <c r="J40" s="1" t="s">
        <v>85</v>
      </c>
      <c r="K40" s="1" t="s">
        <v>86</v>
      </c>
    </row>
    <row r="41" spans="1:11" x14ac:dyDescent="0.25">
      <c r="A41" s="4" t="s">
        <v>87</v>
      </c>
      <c r="B41" s="6" t="s">
        <v>88</v>
      </c>
      <c r="C41" s="2" t="s">
        <v>42</v>
      </c>
      <c r="D41" s="2" t="s">
        <v>42</v>
      </c>
      <c r="E41" s="2" t="s">
        <v>42</v>
      </c>
      <c r="F41" s="2" t="s">
        <v>42</v>
      </c>
      <c r="G41" s="2" t="s">
        <v>42</v>
      </c>
      <c r="H41" s="2" t="s">
        <v>42</v>
      </c>
      <c r="I41" s="2" t="s">
        <v>42</v>
      </c>
      <c r="J41" s="2" t="s">
        <v>42</v>
      </c>
      <c r="K41" s="2" t="s">
        <v>42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77"/>
  <sheetViews>
    <sheetView showGridLines="0" topLeftCell="A22" workbookViewId="0">
      <selection activeCell="C40" sqref="C40:D40"/>
    </sheetView>
  </sheetViews>
  <sheetFormatPr defaultRowHeight="15" x14ac:dyDescent="0.25"/>
  <cols>
    <col min="1" max="1" width="2.140625" bestFit="1" customWidth="1"/>
    <col min="2" max="2" width="64.140625" bestFit="1" customWidth="1"/>
    <col min="3" max="4" width="19" bestFit="1" customWidth="1"/>
    <col min="5" max="5" width="14.7109375" bestFit="1" customWidth="1"/>
    <col min="6" max="6" width="33.28515625" bestFit="1" customWidth="1"/>
    <col min="7" max="7" width="11.140625" bestFit="1" customWidth="1"/>
    <col min="8" max="8" width="6.7109375" bestFit="1" customWidth="1"/>
    <col min="9" max="9" width="17.85546875" bestFit="1" customWidth="1"/>
    <col min="10" max="10" width="9.85546875" bestFit="1" customWidth="1"/>
    <col min="11" max="11" width="6.5703125" bestFit="1" customWidth="1"/>
    <col min="12" max="12" width="17.28515625" bestFit="1" customWidth="1"/>
    <col min="13" max="13" width="9.7109375" bestFit="1" customWidth="1"/>
    <col min="14" max="14" width="6.5703125" bestFit="1" customWidth="1"/>
  </cols>
  <sheetData>
    <row r="3" spans="1:14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</row>
    <row r="4" spans="1:14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</row>
    <row r="5" spans="1:14" x14ac:dyDescent="0.25">
      <c r="A5" s="10" t="s">
        <v>89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</row>
    <row r="6" spans="1:14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</row>
    <row r="7" spans="1:14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</row>
    <row r="9" spans="1:14" x14ac:dyDescent="0.25">
      <c r="A9" s="11" t="s">
        <v>90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</row>
    <row r="10" spans="1:14" x14ac:dyDescent="0.25">
      <c r="A10" s="12" t="s">
        <v>6</v>
      </c>
      <c r="B10" s="12" t="s">
        <v>91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14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14" x14ac:dyDescent="0.25">
      <c r="A12" s="5" t="s">
        <v>24</v>
      </c>
      <c r="B12" s="7" t="s">
        <v>97</v>
      </c>
      <c r="C12" s="13">
        <v>8798343085.3099995</v>
      </c>
      <c r="D12" s="13">
        <v>8804315444.3199997</v>
      </c>
      <c r="E12" s="13" t="s">
        <v>42</v>
      </c>
      <c r="F12" s="13" t="s">
        <v>42</v>
      </c>
    </row>
    <row r="13" spans="1:14" x14ac:dyDescent="0.25">
      <c r="A13" s="4" t="s">
        <v>26</v>
      </c>
      <c r="B13" s="6" t="s">
        <v>98</v>
      </c>
      <c r="C13" s="14">
        <v>0</v>
      </c>
      <c r="D13" s="14">
        <v>0</v>
      </c>
      <c r="E13" s="14" t="s">
        <v>42</v>
      </c>
      <c r="F13" s="14" t="s">
        <v>42</v>
      </c>
    </row>
    <row r="14" spans="1:14" x14ac:dyDescent="0.25">
      <c r="A14" s="5" t="s">
        <v>28</v>
      </c>
      <c r="B14" s="7" t="s">
        <v>99</v>
      </c>
      <c r="C14" s="13">
        <v>8194862681.9200001</v>
      </c>
      <c r="D14" s="13">
        <v>8239940859.9300003</v>
      </c>
      <c r="E14" s="13" t="s">
        <v>42</v>
      </c>
      <c r="F14" s="13" t="s">
        <v>42</v>
      </c>
    </row>
    <row r="15" spans="1:14" x14ac:dyDescent="0.25">
      <c r="A15" s="5" t="s">
        <v>30</v>
      </c>
      <c r="B15" s="7" t="s">
        <v>100</v>
      </c>
      <c r="C15" s="13">
        <v>1935478191.21</v>
      </c>
      <c r="D15" s="13">
        <v>1960438070.55</v>
      </c>
      <c r="E15" s="13" t="s">
        <v>42</v>
      </c>
      <c r="F15" s="13" t="s">
        <v>42</v>
      </c>
    </row>
    <row r="16" spans="1:14" x14ac:dyDescent="0.25">
      <c r="A16" s="4" t="s">
        <v>32</v>
      </c>
      <c r="B16" s="6" t="s">
        <v>101</v>
      </c>
      <c r="C16" s="14">
        <v>859852492.40999997</v>
      </c>
      <c r="D16" s="14">
        <v>832754429.08000004</v>
      </c>
      <c r="E16" s="14" t="s">
        <v>42</v>
      </c>
      <c r="F16" s="14" t="s">
        <v>42</v>
      </c>
    </row>
    <row r="17" spans="1:6" x14ac:dyDescent="0.25">
      <c r="A17" s="4" t="s">
        <v>34</v>
      </c>
      <c r="B17" s="6" t="s">
        <v>102</v>
      </c>
      <c r="C17" s="14">
        <v>1075625698.8</v>
      </c>
      <c r="D17" s="14">
        <v>1127683641.47</v>
      </c>
      <c r="E17" s="14" t="s">
        <v>42</v>
      </c>
      <c r="F17" s="14" t="s">
        <v>42</v>
      </c>
    </row>
    <row r="18" spans="1:6" x14ac:dyDescent="0.25">
      <c r="A18" s="4" t="s">
        <v>36</v>
      </c>
      <c r="B18" s="6" t="s">
        <v>103</v>
      </c>
      <c r="C18" s="14">
        <v>6172016097.8000002</v>
      </c>
      <c r="D18" s="14">
        <v>6193944753.1800003</v>
      </c>
      <c r="E18" s="14" t="s">
        <v>42</v>
      </c>
      <c r="F18" s="14" t="s">
        <v>42</v>
      </c>
    </row>
    <row r="19" spans="1:6" x14ac:dyDescent="0.25">
      <c r="A19" s="5" t="s">
        <v>38</v>
      </c>
      <c r="B19" s="7" t="s">
        <v>104</v>
      </c>
      <c r="C19" s="13">
        <v>0</v>
      </c>
      <c r="D19" s="13">
        <v>0</v>
      </c>
      <c r="E19" s="13" t="s">
        <v>42</v>
      </c>
      <c r="F19" s="13" t="s">
        <v>42</v>
      </c>
    </row>
    <row r="20" spans="1:6" x14ac:dyDescent="0.25">
      <c r="A20" s="4" t="s">
        <v>40</v>
      </c>
      <c r="B20" s="6" t="s">
        <v>101</v>
      </c>
      <c r="C20" s="14">
        <v>0</v>
      </c>
      <c r="D20" s="14">
        <v>0</v>
      </c>
      <c r="E20" s="14" t="s">
        <v>42</v>
      </c>
      <c r="F20" s="14" t="s">
        <v>42</v>
      </c>
    </row>
    <row r="21" spans="1:6" x14ac:dyDescent="0.25">
      <c r="A21" s="4" t="s">
        <v>43</v>
      </c>
      <c r="B21" s="6" t="s">
        <v>102</v>
      </c>
      <c r="C21" s="14">
        <v>0</v>
      </c>
      <c r="D21" s="14">
        <v>0</v>
      </c>
      <c r="E21" s="14" t="s">
        <v>42</v>
      </c>
      <c r="F21" s="14" t="s">
        <v>42</v>
      </c>
    </row>
    <row r="22" spans="1:6" x14ac:dyDescent="0.25">
      <c r="A22" s="5" t="s">
        <v>45</v>
      </c>
      <c r="B22" s="7" t="s">
        <v>105</v>
      </c>
      <c r="C22" s="13">
        <v>87368392.909999996</v>
      </c>
      <c r="D22" s="13">
        <v>85558036.200000003</v>
      </c>
      <c r="E22" s="13" t="s">
        <v>42</v>
      </c>
      <c r="F22" s="13" t="s">
        <v>42</v>
      </c>
    </row>
    <row r="23" spans="1:6" x14ac:dyDescent="0.25">
      <c r="A23" s="4" t="s">
        <v>47</v>
      </c>
      <c r="B23" s="6" t="s">
        <v>106</v>
      </c>
      <c r="C23" s="14">
        <v>0</v>
      </c>
      <c r="D23" s="14">
        <v>0</v>
      </c>
      <c r="E23" s="14" t="s">
        <v>42</v>
      </c>
      <c r="F23" s="14" t="s">
        <v>42</v>
      </c>
    </row>
    <row r="24" spans="1:6" x14ac:dyDescent="0.25">
      <c r="A24" s="4" t="s">
        <v>49</v>
      </c>
      <c r="B24" s="6" t="s">
        <v>107</v>
      </c>
      <c r="C24" s="14">
        <v>12438625.119999999</v>
      </c>
      <c r="D24" s="14">
        <v>12240247.800000001</v>
      </c>
      <c r="E24" s="14" t="s">
        <v>42</v>
      </c>
      <c r="F24" s="14" t="s">
        <v>42</v>
      </c>
    </row>
    <row r="25" spans="1:6" x14ac:dyDescent="0.25">
      <c r="A25" s="4" t="s">
        <v>51</v>
      </c>
      <c r="B25" s="6" t="s">
        <v>108</v>
      </c>
      <c r="C25" s="14">
        <v>74929767.790000007</v>
      </c>
      <c r="D25" s="14">
        <v>73317788.400000006</v>
      </c>
      <c r="E25" s="14" t="s">
        <v>42</v>
      </c>
      <c r="F25" s="14" t="s">
        <v>42</v>
      </c>
    </row>
    <row r="26" spans="1:6" x14ac:dyDescent="0.25">
      <c r="A26" s="4" t="s">
        <v>53</v>
      </c>
      <c r="B26" s="6" t="s">
        <v>109</v>
      </c>
      <c r="C26" s="14">
        <v>0</v>
      </c>
      <c r="D26" s="14">
        <v>0</v>
      </c>
      <c r="E26" s="14" t="s">
        <v>42</v>
      </c>
      <c r="F26" s="14" t="s">
        <v>42</v>
      </c>
    </row>
    <row r="27" spans="1:6" x14ac:dyDescent="0.25">
      <c r="A27" s="4" t="s">
        <v>55</v>
      </c>
      <c r="B27" s="6" t="s">
        <v>110</v>
      </c>
      <c r="C27" s="14">
        <v>0</v>
      </c>
      <c r="D27" s="14">
        <v>0</v>
      </c>
      <c r="E27" s="14" t="s">
        <v>42</v>
      </c>
      <c r="F27" s="14" t="s">
        <v>42</v>
      </c>
    </row>
    <row r="28" spans="1:6" x14ac:dyDescent="0.25">
      <c r="A28" s="4" t="s">
        <v>60</v>
      </c>
      <c r="B28" s="6" t="s">
        <v>111</v>
      </c>
      <c r="C28" s="14">
        <v>0</v>
      </c>
      <c r="D28" s="14">
        <v>0</v>
      </c>
      <c r="E28" s="14" t="s">
        <v>42</v>
      </c>
      <c r="F28" s="14" t="s">
        <v>42</v>
      </c>
    </row>
    <row r="29" spans="1:6" x14ac:dyDescent="0.25">
      <c r="A29" s="4" t="s">
        <v>62</v>
      </c>
      <c r="B29" s="6" t="s">
        <v>112</v>
      </c>
      <c r="C29" s="14">
        <v>603480403.38999999</v>
      </c>
      <c r="D29" s="14">
        <v>564374584.38999999</v>
      </c>
      <c r="E29" s="14" t="s">
        <v>42</v>
      </c>
      <c r="F29" s="14" t="s">
        <v>42</v>
      </c>
    </row>
    <row r="30" spans="1:6" x14ac:dyDescent="0.25">
      <c r="A30" s="4" t="s">
        <v>64</v>
      </c>
      <c r="B30" s="6" t="s">
        <v>113</v>
      </c>
      <c r="C30" s="14">
        <v>0</v>
      </c>
      <c r="D30" s="14">
        <v>0</v>
      </c>
      <c r="E30" s="14" t="s">
        <v>42</v>
      </c>
      <c r="F30" s="14" t="s">
        <v>42</v>
      </c>
    </row>
    <row r="31" spans="1:6" x14ac:dyDescent="0.25">
      <c r="A31" s="5" t="s">
        <v>66</v>
      </c>
      <c r="B31" s="7" t="s">
        <v>114</v>
      </c>
      <c r="C31" s="13">
        <v>1377644925.78</v>
      </c>
      <c r="D31" s="13">
        <v>1441709468.9000001</v>
      </c>
      <c r="E31" s="13" t="s">
        <v>42</v>
      </c>
      <c r="F31" s="13" t="s">
        <v>42</v>
      </c>
    </row>
    <row r="32" spans="1:6" x14ac:dyDescent="0.25">
      <c r="A32" s="5" t="s">
        <v>68</v>
      </c>
      <c r="B32" s="7" t="s">
        <v>115</v>
      </c>
      <c r="C32" s="13">
        <v>1377644925.78</v>
      </c>
      <c r="D32" s="13">
        <v>1441709468.9000001</v>
      </c>
      <c r="E32" s="13" t="s">
        <v>42</v>
      </c>
      <c r="F32" s="13" t="s">
        <v>42</v>
      </c>
    </row>
    <row r="33" spans="1:6" x14ac:dyDescent="0.25">
      <c r="A33" s="4" t="s">
        <v>70</v>
      </c>
      <c r="B33" s="6" t="s">
        <v>116</v>
      </c>
      <c r="C33" s="14">
        <v>1445376794.3800001</v>
      </c>
      <c r="D33" s="14">
        <v>1584706511.6800001</v>
      </c>
      <c r="E33" s="14" t="s">
        <v>42</v>
      </c>
      <c r="F33" s="14" t="s">
        <v>42</v>
      </c>
    </row>
    <row r="34" spans="1:6" x14ac:dyDescent="0.25">
      <c r="A34" s="4" t="s">
        <v>72</v>
      </c>
      <c r="B34" s="6" t="s">
        <v>117</v>
      </c>
      <c r="C34" s="14">
        <v>67731868.599999994</v>
      </c>
      <c r="D34" s="14">
        <v>142997042.78</v>
      </c>
      <c r="E34" s="14" t="s">
        <v>42</v>
      </c>
      <c r="F34" s="14" t="s">
        <v>42</v>
      </c>
    </row>
    <row r="35" spans="1:6" x14ac:dyDescent="0.25">
      <c r="A35" s="4" t="s">
        <v>87</v>
      </c>
      <c r="B35" s="6" t="s">
        <v>118</v>
      </c>
      <c r="C35" s="14">
        <v>0</v>
      </c>
      <c r="D35" s="14">
        <v>0</v>
      </c>
      <c r="E35" s="14" t="s">
        <v>42</v>
      </c>
      <c r="F35" s="14" t="s">
        <v>42</v>
      </c>
    </row>
    <row r="36" spans="1:6" x14ac:dyDescent="0.25">
      <c r="A36" s="5" t="s">
        <v>119</v>
      </c>
      <c r="B36" s="7" t="s">
        <v>120</v>
      </c>
      <c r="C36" s="13">
        <v>7420698159.5299997</v>
      </c>
      <c r="D36" s="13">
        <v>7362605975.4200001</v>
      </c>
      <c r="E36" s="13" t="s">
        <v>42</v>
      </c>
      <c r="F36" s="13" t="s">
        <v>42</v>
      </c>
    </row>
    <row r="37" spans="1:6" x14ac:dyDescent="0.25">
      <c r="A37" s="4" t="s">
        <v>121</v>
      </c>
      <c r="B37" s="6" t="s">
        <v>122</v>
      </c>
      <c r="C37" s="14">
        <v>9747254504.2000008</v>
      </c>
      <c r="D37" s="14">
        <v>10151299321.780001</v>
      </c>
      <c r="E37" s="14" t="s">
        <v>42</v>
      </c>
      <c r="F37" s="14" t="s">
        <v>42</v>
      </c>
    </row>
    <row r="38" spans="1:6" x14ac:dyDescent="0.25">
      <c r="A38" s="4" t="s">
        <v>123</v>
      </c>
      <c r="B38" s="6" t="s">
        <v>124</v>
      </c>
      <c r="C38" s="14">
        <v>90.26</v>
      </c>
      <c r="D38" s="14">
        <v>86.73</v>
      </c>
      <c r="E38" s="14" t="s">
        <v>42</v>
      </c>
      <c r="F38" s="14" t="s">
        <v>42</v>
      </c>
    </row>
    <row r="39" spans="1:6" x14ac:dyDescent="0.25">
      <c r="A39" s="4" t="s">
        <v>125</v>
      </c>
      <c r="B39" s="6" t="s">
        <v>126</v>
      </c>
      <c r="C39" s="14">
        <v>76.13</v>
      </c>
      <c r="D39" s="14">
        <v>72.53</v>
      </c>
      <c r="E39" s="14" t="s">
        <v>42</v>
      </c>
      <c r="F39" s="14" t="s">
        <v>42</v>
      </c>
    </row>
    <row r="40" spans="1:6" x14ac:dyDescent="0.25">
      <c r="A40" s="4" t="s">
        <v>127</v>
      </c>
      <c r="B40" s="6" t="s">
        <v>128</v>
      </c>
      <c r="C40" s="14">
        <v>19494509008.400002</v>
      </c>
      <c r="D40" s="14">
        <v>20302598643.560001</v>
      </c>
      <c r="E40" s="14" t="s">
        <v>42</v>
      </c>
      <c r="F40" s="14" t="s">
        <v>42</v>
      </c>
    </row>
    <row r="41" spans="1:6" x14ac:dyDescent="0.25">
      <c r="A41" s="4" t="s">
        <v>129</v>
      </c>
      <c r="B41" s="6" t="s">
        <v>130</v>
      </c>
      <c r="C41" s="14">
        <v>17545058107.560001</v>
      </c>
      <c r="D41" s="14">
        <v>18272338779.200001</v>
      </c>
      <c r="E41" s="14" t="s">
        <v>42</v>
      </c>
      <c r="F41" s="14" t="s">
        <v>42</v>
      </c>
    </row>
    <row r="43" spans="1:6" x14ac:dyDescent="0.25">
      <c r="A43" s="12" t="s">
        <v>6</v>
      </c>
      <c r="B43" s="12" t="s">
        <v>131</v>
      </c>
      <c r="C43" s="12" t="s">
        <v>92</v>
      </c>
      <c r="D43" s="12" t="s">
        <v>93</v>
      </c>
      <c r="E43" s="12" t="s">
        <v>7</v>
      </c>
      <c r="F43" s="12" t="s">
        <v>93</v>
      </c>
    </row>
    <row r="44" spans="1:6" ht="21" x14ac:dyDescent="0.25">
      <c r="A44" s="12" t="s">
        <v>7</v>
      </c>
      <c r="B44" s="12" t="s">
        <v>7</v>
      </c>
      <c r="C44" s="12" t="s">
        <v>7</v>
      </c>
      <c r="D44" s="1" t="s">
        <v>94</v>
      </c>
      <c r="E44" s="1" t="s">
        <v>95</v>
      </c>
      <c r="F44" s="1" t="s">
        <v>96</v>
      </c>
    </row>
    <row r="45" spans="1:6" x14ac:dyDescent="0.25">
      <c r="A45" s="4" t="s">
        <v>132</v>
      </c>
      <c r="B45" s="6" t="s">
        <v>133</v>
      </c>
      <c r="C45" s="14">
        <v>0</v>
      </c>
      <c r="D45" s="14">
        <v>0</v>
      </c>
      <c r="E45" s="14" t="s">
        <v>42</v>
      </c>
      <c r="F45" s="14" t="s">
        <v>42</v>
      </c>
    </row>
    <row r="46" spans="1:6" x14ac:dyDescent="0.25">
      <c r="A46" s="4" t="s">
        <v>134</v>
      </c>
      <c r="B46" s="6" t="s">
        <v>135</v>
      </c>
      <c r="C46" s="14">
        <v>0</v>
      </c>
      <c r="D46" s="14">
        <v>0</v>
      </c>
      <c r="E46" s="14" t="s">
        <v>42</v>
      </c>
      <c r="F46" s="14" t="s">
        <v>42</v>
      </c>
    </row>
    <row r="47" spans="1:6" x14ac:dyDescent="0.25">
      <c r="A47" s="4" t="s">
        <v>136</v>
      </c>
      <c r="B47" s="6" t="s">
        <v>137</v>
      </c>
      <c r="C47" s="14">
        <v>264423241.13999999</v>
      </c>
      <c r="D47" s="14">
        <v>264423241.13999999</v>
      </c>
      <c r="E47" s="14" t="s">
        <v>42</v>
      </c>
      <c r="F47" s="14" t="s">
        <v>42</v>
      </c>
    </row>
    <row r="48" spans="1:6" x14ac:dyDescent="0.25">
      <c r="A48" s="4" t="s">
        <v>138</v>
      </c>
      <c r="B48" s="6" t="s">
        <v>139</v>
      </c>
      <c r="C48" s="14">
        <v>0</v>
      </c>
      <c r="D48" s="14">
        <v>0</v>
      </c>
      <c r="E48" s="14" t="s">
        <v>42</v>
      </c>
      <c r="F48" s="14" t="s">
        <v>42</v>
      </c>
    </row>
    <row r="49" spans="1:14" x14ac:dyDescent="0.25">
      <c r="A49" s="4" t="s">
        <v>140</v>
      </c>
      <c r="B49" s="6" t="s">
        <v>141</v>
      </c>
      <c r="C49" s="14">
        <v>0</v>
      </c>
      <c r="D49" s="14">
        <v>0</v>
      </c>
      <c r="E49" s="14" t="s">
        <v>42</v>
      </c>
      <c r="F49" s="14" t="s">
        <v>42</v>
      </c>
    </row>
    <row r="50" spans="1:14" x14ac:dyDescent="0.25">
      <c r="A50" s="4" t="s">
        <v>142</v>
      </c>
      <c r="B50" s="6" t="s">
        <v>143</v>
      </c>
      <c r="C50" s="14">
        <v>2144243.83</v>
      </c>
      <c r="D50" s="14">
        <v>207026563.13999999</v>
      </c>
      <c r="E50" s="14" t="s">
        <v>42</v>
      </c>
      <c r="F50" s="14" t="s">
        <v>42</v>
      </c>
    </row>
    <row r="51" spans="1:14" x14ac:dyDescent="0.25">
      <c r="A51" s="4" t="s">
        <v>144</v>
      </c>
      <c r="B51" s="6" t="s">
        <v>145</v>
      </c>
      <c r="C51" s="14">
        <v>0</v>
      </c>
      <c r="D51" s="14">
        <v>0</v>
      </c>
      <c r="E51" s="14" t="s">
        <v>42</v>
      </c>
      <c r="F51" s="14" t="s">
        <v>42</v>
      </c>
    </row>
    <row r="52" spans="1:14" x14ac:dyDescent="0.25">
      <c r="A52" s="4" t="s">
        <v>146</v>
      </c>
      <c r="B52" s="6" t="s">
        <v>147</v>
      </c>
      <c r="C52" s="14">
        <v>0</v>
      </c>
      <c r="D52" s="14">
        <v>0</v>
      </c>
      <c r="E52" s="14" t="s">
        <v>42</v>
      </c>
      <c r="F52" s="14" t="s">
        <v>42</v>
      </c>
    </row>
    <row r="53" spans="1:14" x14ac:dyDescent="0.25">
      <c r="A53" s="4" t="s">
        <v>148</v>
      </c>
      <c r="B53" s="6" t="s">
        <v>149</v>
      </c>
      <c r="C53" s="14">
        <v>0</v>
      </c>
      <c r="D53" s="14">
        <v>0</v>
      </c>
      <c r="E53" s="14" t="s">
        <v>42</v>
      </c>
      <c r="F53" s="14" t="s">
        <v>42</v>
      </c>
    </row>
    <row r="55" spans="1:14" x14ac:dyDescent="0.25">
      <c r="A55" s="12" t="s">
        <v>6</v>
      </c>
      <c r="B55" s="12" t="s">
        <v>150</v>
      </c>
      <c r="C55" s="12" t="s">
        <v>151</v>
      </c>
      <c r="D55" s="12" t="s">
        <v>7</v>
      </c>
      <c r="E55" s="12" t="s">
        <v>7</v>
      </c>
      <c r="F55" s="12" t="s">
        <v>154</v>
      </c>
      <c r="G55" s="12" t="s">
        <v>7</v>
      </c>
      <c r="H55" s="12" t="s">
        <v>7</v>
      </c>
      <c r="I55" s="12" t="s">
        <v>158</v>
      </c>
      <c r="J55" s="12" t="s">
        <v>7</v>
      </c>
      <c r="K55" s="12" t="s">
        <v>7</v>
      </c>
      <c r="L55" s="12" t="s">
        <v>162</v>
      </c>
      <c r="M55" s="12" t="s">
        <v>7</v>
      </c>
      <c r="N55" s="12" t="s">
        <v>162</v>
      </c>
    </row>
    <row r="56" spans="1:14" ht="31.5" x14ac:dyDescent="0.25">
      <c r="A56" s="12" t="s">
        <v>7</v>
      </c>
      <c r="B56" s="12" t="s">
        <v>7</v>
      </c>
      <c r="C56" s="1" t="s">
        <v>76</v>
      </c>
      <c r="D56" s="1" t="s">
        <v>152</v>
      </c>
      <c r="E56" s="1" t="s">
        <v>153</v>
      </c>
      <c r="F56" s="1" t="s">
        <v>155</v>
      </c>
      <c r="G56" s="1" t="s">
        <v>156</v>
      </c>
      <c r="H56" s="1" t="s">
        <v>157</v>
      </c>
      <c r="I56" s="1" t="s">
        <v>159</v>
      </c>
      <c r="J56" s="1" t="s">
        <v>160</v>
      </c>
      <c r="K56" s="1" t="s">
        <v>161</v>
      </c>
      <c r="L56" s="1" t="s">
        <v>163</v>
      </c>
      <c r="M56" s="1" t="s">
        <v>164</v>
      </c>
      <c r="N56" s="1" t="s">
        <v>165</v>
      </c>
    </row>
    <row r="57" spans="1:14" x14ac:dyDescent="0.25">
      <c r="A57" s="4" t="s">
        <v>166</v>
      </c>
      <c r="B57" s="6" t="s">
        <v>167</v>
      </c>
      <c r="C57" s="2" t="s">
        <v>42</v>
      </c>
      <c r="D57" s="2" t="s">
        <v>42</v>
      </c>
      <c r="E57" s="2" t="s">
        <v>42</v>
      </c>
      <c r="F57" s="2" t="s">
        <v>42</v>
      </c>
      <c r="G57" s="2" t="s">
        <v>42</v>
      </c>
      <c r="H57" s="2" t="s">
        <v>42</v>
      </c>
      <c r="I57" s="2" t="s">
        <v>42</v>
      </c>
      <c r="J57" s="2" t="s">
        <v>42</v>
      </c>
      <c r="K57" s="2" t="s">
        <v>42</v>
      </c>
      <c r="L57" s="2" t="s">
        <v>42</v>
      </c>
      <c r="M57" s="2" t="s">
        <v>42</v>
      </c>
      <c r="N57" s="2" t="s">
        <v>42</v>
      </c>
    </row>
    <row r="59" spans="1:14" x14ac:dyDescent="0.25">
      <c r="A59" s="12" t="s">
        <v>6</v>
      </c>
      <c r="B59" s="12" t="s">
        <v>168</v>
      </c>
      <c r="C59" s="12" t="s">
        <v>169</v>
      </c>
      <c r="D59" s="12" t="s">
        <v>7</v>
      </c>
      <c r="E59" s="12" t="s">
        <v>7</v>
      </c>
      <c r="F59" s="12" t="s">
        <v>173</v>
      </c>
      <c r="G59" s="12" t="s">
        <v>7</v>
      </c>
      <c r="H59" s="12" t="s">
        <v>7</v>
      </c>
      <c r="I59" s="12" t="s">
        <v>177</v>
      </c>
      <c r="J59" s="12" t="s">
        <v>7</v>
      </c>
      <c r="K59" s="12" t="s">
        <v>7</v>
      </c>
      <c r="L59" s="12" t="s">
        <v>178</v>
      </c>
      <c r="M59" s="12" t="s">
        <v>7</v>
      </c>
      <c r="N59" s="12" t="s">
        <v>178</v>
      </c>
    </row>
    <row r="60" spans="1:14" x14ac:dyDescent="0.25">
      <c r="A60" s="12" t="s">
        <v>7</v>
      </c>
      <c r="B60" s="12" t="s">
        <v>7</v>
      </c>
      <c r="C60" s="1" t="s">
        <v>170</v>
      </c>
      <c r="D60" s="1" t="s">
        <v>171</v>
      </c>
      <c r="E60" s="1" t="s">
        <v>172</v>
      </c>
      <c r="F60" s="1" t="s">
        <v>174</v>
      </c>
      <c r="G60" s="1" t="s">
        <v>175</v>
      </c>
      <c r="H60" s="1" t="s">
        <v>176</v>
      </c>
      <c r="I60" s="1" t="s">
        <v>174</v>
      </c>
      <c r="J60" s="1" t="s">
        <v>175</v>
      </c>
      <c r="K60" s="1" t="s">
        <v>176</v>
      </c>
      <c r="L60" s="1" t="s">
        <v>174</v>
      </c>
      <c r="M60" s="1" t="s">
        <v>175</v>
      </c>
      <c r="N60" s="1" t="s">
        <v>176</v>
      </c>
    </row>
    <row r="61" spans="1:14" x14ac:dyDescent="0.25">
      <c r="A61" s="4" t="s">
        <v>179</v>
      </c>
      <c r="B61" s="6" t="s">
        <v>180</v>
      </c>
      <c r="C61" s="2" t="s">
        <v>42</v>
      </c>
      <c r="D61" s="2" t="s">
        <v>42</v>
      </c>
      <c r="E61" s="2" t="s">
        <v>42</v>
      </c>
      <c r="F61" s="2" t="s">
        <v>42</v>
      </c>
      <c r="G61" s="2" t="s">
        <v>42</v>
      </c>
      <c r="H61" s="2" t="s">
        <v>42</v>
      </c>
      <c r="I61" s="2" t="s">
        <v>42</v>
      </c>
      <c r="J61" s="2" t="s">
        <v>42</v>
      </c>
      <c r="K61" s="2" t="s">
        <v>42</v>
      </c>
      <c r="L61" s="2" t="s">
        <v>42</v>
      </c>
      <c r="M61" s="2" t="s">
        <v>42</v>
      </c>
      <c r="N61" s="2" t="s">
        <v>42</v>
      </c>
    </row>
    <row r="62" spans="1:14" x14ac:dyDescent="0.25">
      <c r="A62" s="4" t="s">
        <v>181</v>
      </c>
      <c r="B62" s="6" t="s">
        <v>182</v>
      </c>
      <c r="C62" s="2" t="s">
        <v>42</v>
      </c>
      <c r="D62" s="2" t="s">
        <v>42</v>
      </c>
      <c r="E62" s="2" t="s">
        <v>42</v>
      </c>
      <c r="F62" s="2" t="s">
        <v>42</v>
      </c>
      <c r="G62" s="2" t="s">
        <v>42</v>
      </c>
      <c r="H62" s="2" t="s">
        <v>42</v>
      </c>
      <c r="I62" s="2" t="s">
        <v>42</v>
      </c>
      <c r="J62" s="2" t="s">
        <v>42</v>
      </c>
      <c r="K62" s="2" t="s">
        <v>42</v>
      </c>
      <c r="L62" s="2" t="s">
        <v>42</v>
      </c>
      <c r="M62" s="2" t="s">
        <v>42</v>
      </c>
      <c r="N62" s="2" t="s">
        <v>42</v>
      </c>
    </row>
    <row r="64" spans="1:14" x14ac:dyDescent="0.25">
      <c r="A64" s="12" t="s">
        <v>6</v>
      </c>
      <c r="B64" s="12" t="s">
        <v>183</v>
      </c>
      <c r="C64" s="12" t="s">
        <v>184</v>
      </c>
      <c r="D64" s="12" t="s">
        <v>7</v>
      </c>
      <c r="E64" s="12" t="s">
        <v>7</v>
      </c>
      <c r="F64" s="12" t="s">
        <v>185</v>
      </c>
      <c r="G64" s="12" t="s">
        <v>7</v>
      </c>
      <c r="H64" s="12" t="s">
        <v>7</v>
      </c>
      <c r="I64" s="12" t="s">
        <v>186</v>
      </c>
      <c r="J64" s="12" t="s">
        <v>7</v>
      </c>
      <c r="K64" s="12" t="s">
        <v>7</v>
      </c>
      <c r="L64" s="12" t="s">
        <v>187</v>
      </c>
      <c r="M64" s="12" t="s">
        <v>7</v>
      </c>
      <c r="N64" s="12" t="s">
        <v>187</v>
      </c>
    </row>
    <row r="65" spans="1:14" x14ac:dyDescent="0.25">
      <c r="A65" s="12" t="s">
        <v>7</v>
      </c>
      <c r="B65" s="12" t="s">
        <v>7</v>
      </c>
      <c r="C65" s="1" t="s">
        <v>174</v>
      </c>
      <c r="D65" s="1" t="s">
        <v>175</v>
      </c>
      <c r="E65" s="1" t="s">
        <v>176</v>
      </c>
      <c r="F65" s="1" t="s">
        <v>174</v>
      </c>
      <c r="G65" s="1" t="s">
        <v>175</v>
      </c>
      <c r="H65" s="1" t="s">
        <v>176</v>
      </c>
      <c r="I65" s="1" t="s">
        <v>174</v>
      </c>
      <c r="J65" s="1" t="s">
        <v>175</v>
      </c>
      <c r="K65" s="1" t="s">
        <v>176</v>
      </c>
      <c r="L65" s="1" t="s">
        <v>174</v>
      </c>
      <c r="M65" s="1" t="s">
        <v>175</v>
      </c>
      <c r="N65" s="1" t="s">
        <v>176</v>
      </c>
    </row>
    <row r="66" spans="1:14" x14ac:dyDescent="0.25">
      <c r="A66" s="4" t="s">
        <v>188</v>
      </c>
      <c r="B66" s="6" t="s">
        <v>180</v>
      </c>
      <c r="C66" s="2" t="s">
        <v>42</v>
      </c>
      <c r="D66" s="2" t="s">
        <v>42</v>
      </c>
      <c r="E66" s="2" t="s">
        <v>42</v>
      </c>
      <c r="F66" s="2" t="s">
        <v>42</v>
      </c>
      <c r="G66" s="2" t="s">
        <v>42</v>
      </c>
      <c r="H66" s="2" t="s">
        <v>42</v>
      </c>
      <c r="I66" s="2" t="s">
        <v>42</v>
      </c>
      <c r="J66" s="2" t="s">
        <v>42</v>
      </c>
      <c r="K66" s="2" t="s">
        <v>42</v>
      </c>
      <c r="L66" s="2" t="s">
        <v>42</v>
      </c>
      <c r="M66" s="2" t="s">
        <v>42</v>
      </c>
      <c r="N66" s="2" t="s">
        <v>42</v>
      </c>
    </row>
    <row r="67" spans="1:14" x14ac:dyDescent="0.25">
      <c r="A67" s="4" t="s">
        <v>189</v>
      </c>
      <c r="B67" s="6" t="s">
        <v>182</v>
      </c>
      <c r="C67" s="2" t="s">
        <v>42</v>
      </c>
      <c r="D67" s="2" t="s">
        <v>42</v>
      </c>
      <c r="E67" s="2" t="s">
        <v>42</v>
      </c>
      <c r="F67" s="2" t="s">
        <v>42</v>
      </c>
      <c r="G67" s="2" t="s">
        <v>42</v>
      </c>
      <c r="H67" s="2" t="s">
        <v>42</v>
      </c>
      <c r="I67" s="2" t="s">
        <v>42</v>
      </c>
      <c r="J67" s="2" t="s">
        <v>42</v>
      </c>
      <c r="K67" s="2" t="s">
        <v>42</v>
      </c>
      <c r="L67" s="2" t="s">
        <v>42</v>
      </c>
      <c r="M67" s="2" t="s">
        <v>42</v>
      </c>
      <c r="N67" s="2" t="s">
        <v>42</v>
      </c>
    </row>
    <row r="69" spans="1:14" x14ac:dyDescent="0.25">
      <c r="A69" s="12" t="s">
        <v>6</v>
      </c>
      <c r="B69" s="12" t="s">
        <v>168</v>
      </c>
      <c r="C69" s="12" t="s">
        <v>190</v>
      </c>
      <c r="D69" s="12" t="s">
        <v>7</v>
      </c>
      <c r="E69" s="12" t="s">
        <v>7</v>
      </c>
      <c r="F69" s="12" t="s">
        <v>191</v>
      </c>
      <c r="G69" s="12" t="s">
        <v>7</v>
      </c>
      <c r="H69" s="12" t="s">
        <v>7</v>
      </c>
      <c r="I69" s="12" t="s">
        <v>192</v>
      </c>
      <c r="J69" s="12" t="s">
        <v>7</v>
      </c>
      <c r="K69" s="12" t="s">
        <v>7</v>
      </c>
      <c r="L69" s="12" t="s">
        <v>193</v>
      </c>
      <c r="M69" s="12" t="s">
        <v>7</v>
      </c>
      <c r="N69" s="12" t="s">
        <v>193</v>
      </c>
    </row>
    <row r="70" spans="1:14" x14ac:dyDescent="0.25">
      <c r="A70" s="12" t="s">
        <v>7</v>
      </c>
      <c r="B70" s="12" t="s">
        <v>7</v>
      </c>
      <c r="C70" s="1" t="s">
        <v>174</v>
      </c>
      <c r="D70" s="1" t="s">
        <v>175</v>
      </c>
      <c r="E70" s="1" t="s">
        <v>176</v>
      </c>
      <c r="F70" s="1" t="s">
        <v>174</v>
      </c>
      <c r="G70" s="1" t="s">
        <v>175</v>
      </c>
      <c r="H70" s="1" t="s">
        <v>176</v>
      </c>
      <c r="I70" s="1" t="s">
        <v>174</v>
      </c>
      <c r="J70" s="1" t="s">
        <v>175</v>
      </c>
      <c r="K70" s="1" t="s">
        <v>176</v>
      </c>
      <c r="L70" s="1" t="s">
        <v>174</v>
      </c>
      <c r="M70" s="1" t="s">
        <v>175</v>
      </c>
      <c r="N70" s="1" t="s">
        <v>176</v>
      </c>
    </row>
    <row r="71" spans="1:14" x14ac:dyDescent="0.25">
      <c r="A71" s="4" t="s">
        <v>194</v>
      </c>
      <c r="B71" s="6" t="s">
        <v>180</v>
      </c>
      <c r="C71" s="2" t="s">
        <v>42</v>
      </c>
      <c r="D71" s="2" t="s">
        <v>42</v>
      </c>
      <c r="E71" s="2" t="s">
        <v>42</v>
      </c>
      <c r="F71" s="2" t="s">
        <v>42</v>
      </c>
      <c r="G71" s="2" t="s">
        <v>42</v>
      </c>
      <c r="H71" s="2" t="s">
        <v>42</v>
      </c>
      <c r="I71" s="2" t="s">
        <v>42</v>
      </c>
      <c r="J71" s="2" t="s">
        <v>42</v>
      </c>
      <c r="K71" s="2" t="s">
        <v>42</v>
      </c>
      <c r="L71" s="2" t="s">
        <v>42</v>
      </c>
      <c r="M71" s="2" t="s">
        <v>42</v>
      </c>
      <c r="N71" s="2" t="s">
        <v>42</v>
      </c>
    </row>
    <row r="72" spans="1:14" x14ac:dyDescent="0.25">
      <c r="A72" s="4" t="s">
        <v>195</v>
      </c>
      <c r="B72" s="6" t="s">
        <v>182</v>
      </c>
      <c r="C72" s="2" t="s">
        <v>42</v>
      </c>
      <c r="D72" s="2" t="s">
        <v>42</v>
      </c>
      <c r="E72" s="2" t="s">
        <v>42</v>
      </c>
      <c r="F72" s="2" t="s">
        <v>42</v>
      </c>
      <c r="G72" s="2" t="s">
        <v>42</v>
      </c>
      <c r="H72" s="2" t="s">
        <v>42</v>
      </c>
      <c r="I72" s="2" t="s">
        <v>42</v>
      </c>
      <c r="J72" s="2" t="s">
        <v>42</v>
      </c>
      <c r="K72" s="2" t="s">
        <v>42</v>
      </c>
      <c r="L72" s="2" t="s">
        <v>42</v>
      </c>
      <c r="M72" s="2" t="s">
        <v>42</v>
      </c>
      <c r="N72" s="2" t="s">
        <v>42</v>
      </c>
    </row>
    <row r="74" spans="1:14" x14ac:dyDescent="0.25">
      <c r="A74" s="12" t="s">
        <v>6</v>
      </c>
      <c r="B74" s="12" t="s">
        <v>183</v>
      </c>
      <c r="C74" s="12" t="s">
        <v>196</v>
      </c>
      <c r="D74" s="12" t="s">
        <v>7</v>
      </c>
      <c r="E74" s="12" t="s">
        <v>7</v>
      </c>
      <c r="F74" s="12" t="s">
        <v>197</v>
      </c>
      <c r="G74" s="12" t="s">
        <v>7</v>
      </c>
      <c r="H74" s="12" t="s">
        <v>7</v>
      </c>
      <c r="I74" s="12" t="s">
        <v>198</v>
      </c>
      <c r="J74" s="12" t="s">
        <v>7</v>
      </c>
      <c r="K74" s="12" t="s">
        <v>7</v>
      </c>
      <c r="L74" s="12" t="s">
        <v>199</v>
      </c>
      <c r="M74" s="12" t="s">
        <v>7</v>
      </c>
      <c r="N74" s="12" t="s">
        <v>199</v>
      </c>
    </row>
    <row r="75" spans="1:14" x14ac:dyDescent="0.25">
      <c r="A75" s="12" t="s">
        <v>7</v>
      </c>
      <c r="B75" s="12" t="s">
        <v>7</v>
      </c>
      <c r="C75" s="1" t="s">
        <v>174</v>
      </c>
      <c r="D75" s="1" t="s">
        <v>175</v>
      </c>
      <c r="E75" s="1" t="s">
        <v>176</v>
      </c>
      <c r="F75" s="1" t="s">
        <v>174</v>
      </c>
      <c r="G75" s="1" t="s">
        <v>175</v>
      </c>
      <c r="H75" s="1" t="s">
        <v>176</v>
      </c>
      <c r="I75" s="1" t="s">
        <v>174</v>
      </c>
      <c r="J75" s="1" t="s">
        <v>175</v>
      </c>
      <c r="K75" s="1" t="s">
        <v>176</v>
      </c>
      <c r="L75" s="1" t="s">
        <v>174</v>
      </c>
      <c r="M75" s="1" t="s">
        <v>175</v>
      </c>
      <c r="N75" s="1" t="s">
        <v>176</v>
      </c>
    </row>
    <row r="76" spans="1:14" x14ac:dyDescent="0.25">
      <c r="A76" s="4" t="s">
        <v>200</v>
      </c>
      <c r="B76" s="6" t="s">
        <v>180</v>
      </c>
      <c r="C76" s="2" t="s">
        <v>42</v>
      </c>
      <c r="D76" s="2" t="s">
        <v>42</v>
      </c>
      <c r="E76" s="2" t="s">
        <v>42</v>
      </c>
      <c r="F76" s="2" t="s">
        <v>42</v>
      </c>
      <c r="G76" s="2" t="s">
        <v>42</v>
      </c>
      <c r="H76" s="2" t="s">
        <v>42</v>
      </c>
      <c r="I76" s="2" t="s">
        <v>42</v>
      </c>
      <c r="J76" s="2" t="s">
        <v>42</v>
      </c>
      <c r="K76" s="2" t="s">
        <v>42</v>
      </c>
      <c r="L76" s="2" t="s">
        <v>42</v>
      </c>
      <c r="M76" s="2" t="s">
        <v>42</v>
      </c>
      <c r="N76" s="2" t="s">
        <v>42</v>
      </c>
    </row>
    <row r="77" spans="1:14" x14ac:dyDescent="0.25">
      <c r="A77" s="4" t="s">
        <v>201</v>
      </c>
      <c r="B77" s="6" t="s">
        <v>182</v>
      </c>
      <c r="C77" s="2" t="s">
        <v>42</v>
      </c>
      <c r="D77" s="2" t="s">
        <v>42</v>
      </c>
      <c r="E77" s="2" t="s">
        <v>42</v>
      </c>
      <c r="F77" s="2" t="s">
        <v>42</v>
      </c>
      <c r="G77" s="2" t="s">
        <v>42</v>
      </c>
      <c r="H77" s="2" t="s">
        <v>42</v>
      </c>
      <c r="I77" s="2" t="s">
        <v>42</v>
      </c>
      <c r="J77" s="2" t="s">
        <v>42</v>
      </c>
      <c r="K77" s="2" t="s">
        <v>42</v>
      </c>
      <c r="L77" s="2" t="s">
        <v>42</v>
      </c>
      <c r="M77" s="2" t="s">
        <v>42</v>
      </c>
      <c r="N77" s="2" t="s">
        <v>42</v>
      </c>
    </row>
  </sheetData>
  <mergeCells count="44">
    <mergeCell ref="L74:N74"/>
    <mergeCell ref="A74:A75"/>
    <mergeCell ref="B74:B75"/>
    <mergeCell ref="C74:E74"/>
    <mergeCell ref="F74:H74"/>
    <mergeCell ref="I74:K74"/>
    <mergeCell ref="L64:N64"/>
    <mergeCell ref="A69:A70"/>
    <mergeCell ref="B69:B70"/>
    <mergeCell ref="C69:E69"/>
    <mergeCell ref="F69:H69"/>
    <mergeCell ref="I69:K69"/>
    <mergeCell ref="L69:N69"/>
    <mergeCell ref="A64:A65"/>
    <mergeCell ref="B64:B65"/>
    <mergeCell ref="C64:E64"/>
    <mergeCell ref="F64:H64"/>
    <mergeCell ref="I64:K64"/>
    <mergeCell ref="I55:K55"/>
    <mergeCell ref="L55:N55"/>
    <mergeCell ref="A59:A60"/>
    <mergeCell ref="B59:B60"/>
    <mergeCell ref="C59:E59"/>
    <mergeCell ref="F59:H59"/>
    <mergeCell ref="I59:K59"/>
    <mergeCell ref="L59:N59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topLeftCell="A10" workbookViewId="0">
      <selection activeCell="D22" sqref="D22"/>
    </sheetView>
  </sheetViews>
  <sheetFormatPr defaultRowHeight="15" x14ac:dyDescent="0.25"/>
  <cols>
    <col min="1" max="1" width="2.140625" bestFit="1" customWidth="1"/>
    <col min="2" max="2" width="63.5703125" bestFit="1" customWidth="1"/>
    <col min="3" max="3" width="16.85546875" bestFit="1" customWidth="1"/>
    <col min="4" max="4" width="18" bestFit="1" customWidth="1"/>
    <col min="5" max="6" width="14.7109375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202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203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204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6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6" x14ac:dyDescent="0.25">
      <c r="A12" s="5" t="s">
        <v>24</v>
      </c>
      <c r="B12" s="7" t="s">
        <v>205</v>
      </c>
      <c r="C12" s="13">
        <v>20781188.09</v>
      </c>
      <c r="D12" s="13">
        <v>21571649.640000001</v>
      </c>
      <c r="E12" s="13" t="s">
        <v>42</v>
      </c>
      <c r="F12" s="13" t="s">
        <v>42</v>
      </c>
    </row>
    <row r="13" spans="1:6" x14ac:dyDescent="0.25">
      <c r="A13" s="4" t="s">
        <v>26</v>
      </c>
      <c r="B13" s="6" t="s">
        <v>206</v>
      </c>
      <c r="C13" s="14">
        <v>0</v>
      </c>
      <c r="D13" s="14">
        <v>0</v>
      </c>
      <c r="E13" s="14" t="s">
        <v>42</v>
      </c>
      <c r="F13" s="14" t="s">
        <v>42</v>
      </c>
    </row>
    <row r="14" spans="1:6" x14ac:dyDescent="0.25">
      <c r="A14" s="4" t="s">
        <v>28</v>
      </c>
      <c r="B14" s="6" t="s">
        <v>207</v>
      </c>
      <c r="C14" s="14">
        <v>20781188.09</v>
      </c>
      <c r="D14" s="14">
        <v>21571649.640000001</v>
      </c>
      <c r="E14" s="14" t="s">
        <v>42</v>
      </c>
      <c r="F14" s="14" t="s">
        <v>42</v>
      </c>
    </row>
    <row r="15" spans="1:6" x14ac:dyDescent="0.25">
      <c r="A15" s="5" t="s">
        <v>30</v>
      </c>
      <c r="B15" s="7" t="s">
        <v>208</v>
      </c>
      <c r="C15" s="13">
        <v>0</v>
      </c>
      <c r="D15" s="13">
        <v>0</v>
      </c>
      <c r="E15" s="13" t="s">
        <v>42</v>
      </c>
      <c r="F15" s="13" t="s">
        <v>42</v>
      </c>
    </row>
    <row r="16" spans="1:6" x14ac:dyDescent="0.25">
      <c r="A16" s="4" t="s">
        <v>32</v>
      </c>
      <c r="B16" s="6" t="s">
        <v>206</v>
      </c>
      <c r="C16" s="14">
        <v>0</v>
      </c>
      <c r="D16" s="14">
        <v>0</v>
      </c>
      <c r="E16" s="14" t="s">
        <v>42</v>
      </c>
      <c r="F16" s="14" t="s">
        <v>42</v>
      </c>
    </row>
    <row r="17" spans="1:6" x14ac:dyDescent="0.25">
      <c r="A17" s="4" t="s">
        <v>34</v>
      </c>
      <c r="B17" s="6" t="s">
        <v>207</v>
      </c>
      <c r="C17" s="14">
        <v>0</v>
      </c>
      <c r="D17" s="14">
        <v>0</v>
      </c>
      <c r="E17" s="14" t="s">
        <v>42</v>
      </c>
      <c r="F17" s="14" t="s">
        <v>42</v>
      </c>
    </row>
    <row r="18" spans="1:6" x14ac:dyDescent="0.25">
      <c r="A18" s="5" t="s">
        <v>36</v>
      </c>
      <c r="B18" s="7" t="s">
        <v>209</v>
      </c>
      <c r="C18" s="13">
        <v>0</v>
      </c>
      <c r="D18" s="13">
        <v>0</v>
      </c>
      <c r="E18" s="13" t="s">
        <v>42</v>
      </c>
      <c r="F18" s="13" t="s">
        <v>42</v>
      </c>
    </row>
    <row r="19" spans="1:6" x14ac:dyDescent="0.25">
      <c r="A19" s="4" t="s">
        <v>38</v>
      </c>
      <c r="B19" s="6" t="s">
        <v>210</v>
      </c>
      <c r="C19" s="14">
        <v>0</v>
      </c>
      <c r="D19" s="14">
        <v>0</v>
      </c>
      <c r="E19" s="14" t="s">
        <v>42</v>
      </c>
      <c r="F19" s="14" t="s">
        <v>42</v>
      </c>
    </row>
    <row r="20" spans="1:6" x14ac:dyDescent="0.25">
      <c r="A20" s="4" t="s">
        <v>40</v>
      </c>
      <c r="B20" s="6" t="s">
        <v>207</v>
      </c>
      <c r="C20" s="14">
        <v>0</v>
      </c>
      <c r="D20" s="14">
        <v>0</v>
      </c>
      <c r="E20" s="14" t="s">
        <v>42</v>
      </c>
      <c r="F20" s="14" t="s">
        <v>42</v>
      </c>
    </row>
    <row r="21" spans="1:6" x14ac:dyDescent="0.25">
      <c r="A21" s="4" t="s">
        <v>43</v>
      </c>
      <c r="B21" s="6" t="s">
        <v>211</v>
      </c>
      <c r="C21" s="14">
        <v>0</v>
      </c>
      <c r="D21" s="14">
        <v>0</v>
      </c>
      <c r="E21" s="14" t="s">
        <v>42</v>
      </c>
      <c r="F21" s="14" t="s">
        <v>42</v>
      </c>
    </row>
    <row r="22" spans="1:6" x14ac:dyDescent="0.25">
      <c r="A22" s="5" t="s">
        <v>45</v>
      </c>
      <c r="B22" s="7" t="s">
        <v>212</v>
      </c>
      <c r="C22" s="13">
        <v>20781188.09</v>
      </c>
      <c r="D22" s="13">
        <v>21571649.640000001</v>
      </c>
      <c r="E22" s="13" t="s">
        <v>42</v>
      </c>
      <c r="F22" s="13" t="s">
        <v>42</v>
      </c>
    </row>
    <row r="23" spans="1:6" x14ac:dyDescent="0.25">
      <c r="A23" s="4" t="s">
        <v>47</v>
      </c>
      <c r="B23" s="6" t="s">
        <v>213</v>
      </c>
      <c r="C23" s="14">
        <v>9747254504.2000008</v>
      </c>
      <c r="D23" s="14">
        <v>10151299321.780001</v>
      </c>
      <c r="E23" s="14" t="s">
        <v>42</v>
      </c>
      <c r="F23" s="14" t="s">
        <v>42</v>
      </c>
    </row>
    <row r="24" spans="1:6" x14ac:dyDescent="0.25">
      <c r="A24" s="4" t="s">
        <v>49</v>
      </c>
      <c r="B24" s="6" t="s">
        <v>214</v>
      </c>
      <c r="C24" s="14">
        <v>0.21</v>
      </c>
      <c r="D24" s="14">
        <v>0.21</v>
      </c>
      <c r="E24" s="14" t="s">
        <v>42</v>
      </c>
      <c r="F24" s="14" t="s">
        <v>42</v>
      </c>
    </row>
    <row r="25" spans="1:6" x14ac:dyDescent="0.25">
      <c r="A25" s="4" t="s">
        <v>51</v>
      </c>
      <c r="B25" s="6" t="s">
        <v>215</v>
      </c>
      <c r="C25" s="14">
        <v>2144395990.9200001</v>
      </c>
      <c r="D25" s="14">
        <v>2233285850.79</v>
      </c>
      <c r="E25" s="14" t="s">
        <v>42</v>
      </c>
      <c r="F25" s="14" t="s">
        <v>42</v>
      </c>
    </row>
    <row r="26" spans="1:6" x14ac:dyDescent="0.25">
      <c r="A26" s="4" t="s">
        <v>53</v>
      </c>
      <c r="B26" s="6" t="s">
        <v>216</v>
      </c>
      <c r="C26" s="14">
        <v>1929956391.8299999</v>
      </c>
      <c r="D26" s="14">
        <v>2009957265.71</v>
      </c>
      <c r="E26" s="14" t="s">
        <v>42</v>
      </c>
      <c r="F26" s="14" t="s">
        <v>42</v>
      </c>
    </row>
    <row r="28" spans="1:6" x14ac:dyDescent="0.25">
      <c r="A28" s="12" t="s">
        <v>6</v>
      </c>
      <c r="B28" s="12" t="s">
        <v>217</v>
      </c>
      <c r="C28" s="12" t="s">
        <v>92</v>
      </c>
      <c r="D28" s="12" t="s">
        <v>93</v>
      </c>
      <c r="E28" s="12" t="s">
        <v>7</v>
      </c>
      <c r="F28" s="12" t="s">
        <v>93</v>
      </c>
    </row>
    <row r="29" spans="1:6" ht="21" x14ac:dyDescent="0.25">
      <c r="A29" s="12" t="s">
        <v>7</v>
      </c>
      <c r="B29" s="12" t="s">
        <v>7</v>
      </c>
      <c r="C29" s="12" t="s">
        <v>7</v>
      </c>
      <c r="D29" s="1" t="s">
        <v>94</v>
      </c>
      <c r="E29" s="1" t="s">
        <v>95</v>
      </c>
      <c r="F29" s="1" t="s">
        <v>96</v>
      </c>
    </row>
    <row r="30" spans="1:6" x14ac:dyDescent="0.25">
      <c r="A30" s="5" t="s">
        <v>55</v>
      </c>
      <c r="B30" s="7" t="s">
        <v>218</v>
      </c>
      <c r="C30" s="3" t="s">
        <v>42</v>
      </c>
      <c r="D30" s="3" t="s">
        <v>42</v>
      </c>
      <c r="E30" s="3" t="s">
        <v>42</v>
      </c>
      <c r="F30" s="3" t="s">
        <v>42</v>
      </c>
    </row>
    <row r="31" spans="1:6" x14ac:dyDescent="0.25">
      <c r="A31" s="4" t="s">
        <v>60</v>
      </c>
      <c r="B31" s="6" t="s">
        <v>219</v>
      </c>
      <c r="C31" s="2" t="s">
        <v>42</v>
      </c>
      <c r="D31" s="2" t="s">
        <v>42</v>
      </c>
      <c r="E31" s="2" t="s">
        <v>42</v>
      </c>
      <c r="F31" s="2" t="s">
        <v>42</v>
      </c>
    </row>
    <row r="32" spans="1:6" x14ac:dyDescent="0.25">
      <c r="A32" s="4" t="s">
        <v>62</v>
      </c>
      <c r="B32" s="6" t="s">
        <v>220</v>
      </c>
      <c r="C32" s="2" t="s">
        <v>42</v>
      </c>
      <c r="D32" s="2" t="s">
        <v>42</v>
      </c>
      <c r="E32" s="2" t="s">
        <v>42</v>
      </c>
      <c r="F32" s="2" t="s">
        <v>42</v>
      </c>
    </row>
    <row r="33" spans="1:6" x14ac:dyDescent="0.25">
      <c r="A33" s="5" t="s">
        <v>64</v>
      </c>
      <c r="B33" s="7" t="s">
        <v>221</v>
      </c>
      <c r="C33" s="3" t="s">
        <v>42</v>
      </c>
      <c r="D33" s="3" t="s">
        <v>42</v>
      </c>
      <c r="E33" s="3" t="s">
        <v>42</v>
      </c>
      <c r="F33" s="3" t="s">
        <v>42</v>
      </c>
    </row>
    <row r="34" spans="1:6" x14ac:dyDescent="0.25">
      <c r="A34" s="4" t="s">
        <v>66</v>
      </c>
      <c r="B34" s="6" t="s">
        <v>219</v>
      </c>
      <c r="C34" s="2" t="s">
        <v>42</v>
      </c>
      <c r="D34" s="2" t="s">
        <v>42</v>
      </c>
      <c r="E34" s="2" t="s">
        <v>42</v>
      </c>
      <c r="F34" s="2" t="s">
        <v>42</v>
      </c>
    </row>
    <row r="35" spans="1:6" x14ac:dyDescent="0.25">
      <c r="A35" s="4" t="s">
        <v>68</v>
      </c>
      <c r="B35" s="6" t="s">
        <v>220</v>
      </c>
      <c r="C35" s="2" t="s">
        <v>42</v>
      </c>
      <c r="D35" s="2" t="s">
        <v>42</v>
      </c>
      <c r="E35" s="2" t="s">
        <v>42</v>
      </c>
      <c r="F35" s="2" t="s">
        <v>42</v>
      </c>
    </row>
    <row r="36" spans="1:6" x14ac:dyDescent="0.25">
      <c r="A36" s="5" t="s">
        <v>70</v>
      </c>
      <c r="B36" s="7" t="s">
        <v>222</v>
      </c>
      <c r="C36" s="3" t="s">
        <v>42</v>
      </c>
      <c r="D36" s="3" t="s">
        <v>42</v>
      </c>
      <c r="E36" s="3" t="s">
        <v>42</v>
      </c>
      <c r="F36" s="3" t="s">
        <v>42</v>
      </c>
    </row>
    <row r="37" spans="1:6" x14ac:dyDescent="0.25">
      <c r="A37" s="4" t="s">
        <v>72</v>
      </c>
      <c r="B37" s="6" t="s">
        <v>219</v>
      </c>
      <c r="C37" s="2" t="s">
        <v>42</v>
      </c>
      <c r="D37" s="2" t="s">
        <v>42</v>
      </c>
      <c r="E37" s="2" t="s">
        <v>42</v>
      </c>
      <c r="F37" s="2" t="s">
        <v>42</v>
      </c>
    </row>
    <row r="38" spans="1:6" x14ac:dyDescent="0.25">
      <c r="A38" s="4" t="s">
        <v>87</v>
      </c>
      <c r="B38" s="6" t="s">
        <v>220</v>
      </c>
      <c r="C38" s="2" t="s">
        <v>42</v>
      </c>
      <c r="D38" s="2" t="s">
        <v>42</v>
      </c>
      <c r="E38" s="2" t="s">
        <v>42</v>
      </c>
      <c r="F38" s="2" t="s">
        <v>42</v>
      </c>
    </row>
    <row r="39" spans="1:6" x14ac:dyDescent="0.25">
      <c r="A39" s="4" t="s">
        <v>119</v>
      </c>
      <c r="B39" s="6" t="s">
        <v>223</v>
      </c>
      <c r="C39" s="2" t="s">
        <v>42</v>
      </c>
      <c r="D39" s="2" t="s">
        <v>42</v>
      </c>
      <c r="E39" s="2" t="s">
        <v>42</v>
      </c>
      <c r="F39" s="2" t="s">
        <v>42</v>
      </c>
    </row>
    <row r="40" spans="1:6" x14ac:dyDescent="0.25">
      <c r="A40" s="5" t="s">
        <v>121</v>
      </c>
      <c r="B40" s="7" t="s">
        <v>224</v>
      </c>
      <c r="C40" s="3" t="s">
        <v>42</v>
      </c>
      <c r="D40" s="3" t="s">
        <v>42</v>
      </c>
      <c r="E40" s="3" t="s">
        <v>42</v>
      </c>
      <c r="F40" s="3" t="s">
        <v>42</v>
      </c>
    </row>
    <row r="42" spans="1:6" x14ac:dyDescent="0.25">
      <c r="A42" s="12" t="s">
        <v>6</v>
      </c>
      <c r="B42" s="12" t="s">
        <v>225</v>
      </c>
      <c r="C42" s="12" t="s">
        <v>226</v>
      </c>
    </row>
    <row r="43" spans="1:6" x14ac:dyDescent="0.25">
      <c r="A43" s="12" t="s">
        <v>7</v>
      </c>
      <c r="B43" s="12" t="s">
        <v>7</v>
      </c>
      <c r="C43" s="12" t="s">
        <v>7</v>
      </c>
    </row>
    <row r="44" spans="1:6" x14ac:dyDescent="0.25">
      <c r="A44" s="4" t="s">
        <v>123</v>
      </c>
      <c r="B44" s="6" t="s">
        <v>225</v>
      </c>
      <c r="C44" s="2" t="s">
        <v>42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topLeftCell="A7" workbookViewId="0">
      <selection activeCell="D38" sqref="D38"/>
    </sheetView>
  </sheetViews>
  <sheetFormatPr defaultRowHeight="15" x14ac:dyDescent="0.25"/>
  <cols>
    <col min="1" max="1" width="2.140625" bestFit="1" customWidth="1"/>
    <col min="2" max="2" width="108.28515625" customWidth="1"/>
    <col min="3" max="3" width="20.5703125" bestFit="1" customWidth="1"/>
    <col min="4" max="4" width="24.140625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27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28</v>
      </c>
      <c r="B9" s="9"/>
      <c r="C9" s="9"/>
      <c r="D9" s="9"/>
    </row>
    <row r="10" spans="1:4" x14ac:dyDescent="0.25">
      <c r="A10" s="12" t="s">
        <v>6</v>
      </c>
      <c r="B10" s="12" t="s">
        <v>229</v>
      </c>
      <c r="C10" s="12" t="s">
        <v>230</v>
      </c>
      <c r="D10" s="12" t="s">
        <v>230</v>
      </c>
    </row>
    <row r="11" spans="1:4" ht="21" x14ac:dyDescent="0.25">
      <c r="A11" s="12" t="s">
        <v>7</v>
      </c>
      <c r="B11" s="12" t="s">
        <v>7</v>
      </c>
      <c r="C11" s="1" t="s">
        <v>231</v>
      </c>
      <c r="D11" s="1" t="s">
        <v>232</v>
      </c>
    </row>
    <row r="12" spans="1:4" x14ac:dyDescent="0.25">
      <c r="A12" s="5" t="s">
        <v>24</v>
      </c>
      <c r="B12" s="7" t="s">
        <v>233</v>
      </c>
      <c r="C12" s="3" t="s">
        <v>42</v>
      </c>
      <c r="D12" s="3" t="s">
        <v>42</v>
      </c>
    </row>
    <row r="13" spans="1:4" x14ac:dyDescent="0.25">
      <c r="A13" s="4" t="s">
        <v>26</v>
      </c>
      <c r="B13" s="6" t="s">
        <v>234</v>
      </c>
      <c r="C13" s="2" t="s">
        <v>42</v>
      </c>
      <c r="D13" s="2" t="s">
        <v>42</v>
      </c>
    </row>
    <row r="14" spans="1:4" x14ac:dyDescent="0.25">
      <c r="A14" s="4" t="s">
        <v>28</v>
      </c>
      <c r="B14" s="6" t="s">
        <v>235</v>
      </c>
      <c r="C14" s="2" t="s">
        <v>42</v>
      </c>
      <c r="D14" s="2" t="s">
        <v>42</v>
      </c>
    </row>
    <row r="15" spans="1:4" x14ac:dyDescent="0.25">
      <c r="A15" s="5" t="s">
        <v>30</v>
      </c>
      <c r="B15" s="7" t="s">
        <v>236</v>
      </c>
      <c r="C15" s="3" t="s">
        <v>42</v>
      </c>
      <c r="D15" s="3" t="s">
        <v>42</v>
      </c>
    </row>
    <row r="16" spans="1:4" x14ac:dyDescent="0.25">
      <c r="A16" s="5" t="s">
        <v>32</v>
      </c>
      <c r="B16" s="7" t="s">
        <v>234</v>
      </c>
      <c r="C16" s="3" t="s">
        <v>42</v>
      </c>
      <c r="D16" s="3" t="s">
        <v>42</v>
      </c>
    </row>
    <row r="17" spans="1:4" x14ac:dyDescent="0.25">
      <c r="A17" s="4" t="s">
        <v>34</v>
      </c>
      <c r="B17" s="6" t="s">
        <v>237</v>
      </c>
      <c r="C17" s="2" t="s">
        <v>42</v>
      </c>
      <c r="D17" s="2" t="s">
        <v>42</v>
      </c>
    </row>
    <row r="18" spans="1:4" x14ac:dyDescent="0.25">
      <c r="A18" s="4" t="s">
        <v>36</v>
      </c>
      <c r="B18" s="6" t="s">
        <v>238</v>
      </c>
      <c r="C18" s="2" t="s">
        <v>42</v>
      </c>
      <c r="D18" s="2" t="s">
        <v>42</v>
      </c>
    </row>
    <row r="19" spans="1:4" x14ac:dyDescent="0.25">
      <c r="A19" s="4" t="s">
        <v>38</v>
      </c>
      <c r="B19" s="6" t="s">
        <v>239</v>
      </c>
      <c r="C19" s="2" t="s">
        <v>42</v>
      </c>
      <c r="D19" s="2" t="s">
        <v>42</v>
      </c>
    </row>
    <row r="20" spans="1:4" x14ac:dyDescent="0.25">
      <c r="A20" s="4" t="s">
        <v>40</v>
      </c>
      <c r="B20" s="6" t="s">
        <v>240</v>
      </c>
      <c r="C20" s="2" t="s">
        <v>42</v>
      </c>
      <c r="D20" s="2" t="s">
        <v>42</v>
      </c>
    </row>
    <row r="21" spans="1:4" x14ac:dyDescent="0.25">
      <c r="A21" s="4" t="s">
        <v>43</v>
      </c>
      <c r="B21" s="6" t="s">
        <v>241</v>
      </c>
      <c r="C21" s="2" t="s">
        <v>42</v>
      </c>
      <c r="D21" s="2" t="s">
        <v>42</v>
      </c>
    </row>
    <row r="22" spans="1:4" x14ac:dyDescent="0.25">
      <c r="A22" s="5" t="s">
        <v>45</v>
      </c>
      <c r="B22" s="7" t="s">
        <v>235</v>
      </c>
      <c r="C22" s="3" t="s">
        <v>42</v>
      </c>
      <c r="D22" s="3" t="s">
        <v>42</v>
      </c>
    </row>
    <row r="23" spans="1:4" x14ac:dyDescent="0.25">
      <c r="A23" s="4" t="s">
        <v>47</v>
      </c>
      <c r="B23" s="6" t="s">
        <v>237</v>
      </c>
      <c r="C23" s="2" t="s">
        <v>42</v>
      </c>
      <c r="D23" s="2" t="s">
        <v>42</v>
      </c>
    </row>
    <row r="24" spans="1:4" x14ac:dyDescent="0.25">
      <c r="A24" s="4" t="s">
        <v>49</v>
      </c>
      <c r="B24" s="6" t="s">
        <v>238</v>
      </c>
      <c r="C24" s="2" t="s">
        <v>42</v>
      </c>
      <c r="D24" s="2" t="s">
        <v>42</v>
      </c>
    </row>
    <row r="25" spans="1:4" x14ac:dyDescent="0.25">
      <c r="A25" s="4" t="s">
        <v>51</v>
      </c>
      <c r="B25" s="6" t="s">
        <v>242</v>
      </c>
      <c r="C25" s="2" t="s">
        <v>42</v>
      </c>
      <c r="D25" s="2" t="s">
        <v>42</v>
      </c>
    </row>
    <row r="26" spans="1:4" x14ac:dyDescent="0.25">
      <c r="A26" s="4" t="s">
        <v>53</v>
      </c>
      <c r="B26" s="6" t="s">
        <v>240</v>
      </c>
      <c r="C26" s="2" t="s">
        <v>42</v>
      </c>
      <c r="D26" s="2" t="s">
        <v>42</v>
      </c>
    </row>
    <row r="27" spans="1:4" x14ac:dyDescent="0.25">
      <c r="A27" s="4" t="s">
        <v>55</v>
      </c>
      <c r="B27" s="6" t="s">
        <v>243</v>
      </c>
      <c r="C27" s="2" t="s">
        <v>42</v>
      </c>
      <c r="D27" s="2" t="s">
        <v>42</v>
      </c>
    </row>
    <row r="28" spans="1:4" x14ac:dyDescent="0.25">
      <c r="A28" s="4" t="s">
        <v>60</v>
      </c>
      <c r="B28" s="6" t="s">
        <v>244</v>
      </c>
      <c r="C28" s="2" t="s">
        <v>42</v>
      </c>
      <c r="D28" s="2" t="s">
        <v>42</v>
      </c>
    </row>
    <row r="30" spans="1:4" x14ac:dyDescent="0.25">
      <c r="A30" s="12" t="s">
        <v>6</v>
      </c>
      <c r="B30" s="12" t="s">
        <v>245</v>
      </c>
      <c r="C30" s="12" t="s">
        <v>58</v>
      </c>
      <c r="D30" s="12" t="s">
        <v>246</v>
      </c>
    </row>
    <row r="31" spans="1:4" x14ac:dyDescent="0.25">
      <c r="A31" s="12" t="s">
        <v>7</v>
      </c>
      <c r="B31" s="12" t="s">
        <v>7</v>
      </c>
      <c r="C31" s="12" t="s">
        <v>7</v>
      </c>
      <c r="D31" s="12" t="s">
        <v>7</v>
      </c>
    </row>
    <row r="32" spans="1:4" x14ac:dyDescent="0.25">
      <c r="A32" s="4" t="s">
        <v>62</v>
      </c>
      <c r="B32" s="6" t="s">
        <v>247</v>
      </c>
      <c r="C32" s="14">
        <v>10151299321.780001</v>
      </c>
      <c r="D32" s="14">
        <v>100</v>
      </c>
    </row>
    <row r="33" spans="1:4" x14ac:dyDescent="0.25">
      <c r="A33" s="4" t="s">
        <v>64</v>
      </c>
      <c r="B33" s="6" t="s">
        <v>248</v>
      </c>
      <c r="C33" s="14">
        <v>0</v>
      </c>
      <c r="D33" s="14">
        <v>0</v>
      </c>
    </row>
    <row r="34" spans="1:4" x14ac:dyDescent="0.25">
      <c r="A34" s="4" t="s">
        <v>66</v>
      </c>
      <c r="B34" s="6" t="s">
        <v>249</v>
      </c>
      <c r="C34" s="14">
        <v>0</v>
      </c>
      <c r="D34" s="14">
        <v>0</v>
      </c>
    </row>
    <row r="35" spans="1:4" x14ac:dyDescent="0.25">
      <c r="A35" s="4" t="s">
        <v>68</v>
      </c>
      <c r="B35" s="6" t="s">
        <v>250</v>
      </c>
      <c r="C35" s="14">
        <v>1624207891.48</v>
      </c>
      <c r="D35" s="14">
        <v>16</v>
      </c>
    </row>
    <row r="36" spans="1:4" x14ac:dyDescent="0.25">
      <c r="A36" s="4" t="s">
        <v>70</v>
      </c>
      <c r="B36" s="6" t="s">
        <v>251</v>
      </c>
      <c r="C36" s="14">
        <v>1461787102.3299999</v>
      </c>
      <c r="D36" s="14">
        <v>14.4</v>
      </c>
    </row>
    <row r="37" spans="1:4" x14ac:dyDescent="0.25">
      <c r="A37" s="4" t="s">
        <v>72</v>
      </c>
      <c r="B37" s="6" t="s">
        <v>252</v>
      </c>
      <c r="C37" s="14">
        <v>0</v>
      </c>
      <c r="D37" s="14">
        <v>0</v>
      </c>
    </row>
    <row r="38" spans="1:4" x14ac:dyDescent="0.25">
      <c r="A38" s="4" t="s">
        <v>87</v>
      </c>
      <c r="B38" s="6" t="s">
        <v>253</v>
      </c>
      <c r="C38" s="14">
        <v>710590952.51999998</v>
      </c>
      <c r="D38" s="14">
        <v>7</v>
      </c>
    </row>
    <row r="39" spans="1:4" x14ac:dyDescent="0.25">
      <c r="C39" s="15"/>
      <c r="D39" s="15"/>
    </row>
    <row r="40" spans="1:4" x14ac:dyDescent="0.25">
      <c r="A40" s="12" t="s">
        <v>6</v>
      </c>
      <c r="B40" s="12" t="s">
        <v>254</v>
      </c>
      <c r="C40" s="12" t="s">
        <v>255</v>
      </c>
      <c r="D40" s="12" t="s">
        <v>255</v>
      </c>
    </row>
    <row r="41" spans="1:4" ht="21" x14ac:dyDescent="0.25">
      <c r="A41" s="12" t="s">
        <v>7</v>
      </c>
      <c r="B41" s="12" t="s">
        <v>7</v>
      </c>
      <c r="C41" s="1" t="s">
        <v>231</v>
      </c>
      <c r="D41" s="1" t="s">
        <v>232</v>
      </c>
    </row>
    <row r="42" spans="1:4" x14ac:dyDescent="0.25">
      <c r="A42" s="5" t="s">
        <v>119</v>
      </c>
      <c r="B42" s="7" t="s">
        <v>256</v>
      </c>
      <c r="C42" s="3" t="s">
        <v>42</v>
      </c>
      <c r="D42" s="3" t="s">
        <v>42</v>
      </c>
    </row>
    <row r="43" spans="1:4" x14ac:dyDescent="0.25">
      <c r="A43" s="4" t="s">
        <v>121</v>
      </c>
      <c r="B43" s="6" t="s">
        <v>257</v>
      </c>
      <c r="C43" s="2" t="s">
        <v>42</v>
      </c>
      <c r="D43" s="2" t="s">
        <v>42</v>
      </c>
    </row>
    <row r="44" spans="1:4" x14ac:dyDescent="0.25">
      <c r="A44" s="4" t="s">
        <v>123</v>
      </c>
      <c r="B44" s="6" t="s">
        <v>258</v>
      </c>
      <c r="C44" s="2" t="s">
        <v>42</v>
      </c>
      <c r="D44" s="2" t="s">
        <v>42</v>
      </c>
    </row>
    <row r="45" spans="1:4" x14ac:dyDescent="0.25">
      <c r="A45" s="4" t="s">
        <v>125</v>
      </c>
      <c r="B45" s="6" t="s">
        <v>259</v>
      </c>
      <c r="C45" s="2" t="s">
        <v>42</v>
      </c>
      <c r="D45" s="2" t="s">
        <v>42</v>
      </c>
    </row>
    <row r="46" spans="1:4" x14ac:dyDescent="0.25">
      <c r="A46" s="4" t="s">
        <v>127</v>
      </c>
      <c r="B46" s="6" t="s">
        <v>260</v>
      </c>
      <c r="C46" s="2" t="s">
        <v>42</v>
      </c>
      <c r="D46" s="2" t="s">
        <v>42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tabSelected="1" topLeftCell="A16" workbookViewId="0">
      <selection activeCell="C30" sqref="C30"/>
    </sheetView>
  </sheetViews>
  <sheetFormatPr defaultRowHeight="15" x14ac:dyDescent="0.25"/>
  <cols>
    <col min="1" max="1" width="2.140625" bestFit="1" customWidth="1"/>
    <col min="2" max="2" width="55.140625" bestFit="1" customWidth="1"/>
    <col min="3" max="3" width="18" bestFit="1" customWidth="1"/>
    <col min="4" max="4" width="12.7109375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61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62</v>
      </c>
      <c r="B9" s="9"/>
      <c r="C9" s="9"/>
      <c r="D9" s="9"/>
    </row>
    <row r="10" spans="1:4" x14ac:dyDescent="0.25">
      <c r="A10" s="12" t="s">
        <v>6</v>
      </c>
      <c r="B10" s="12" t="s">
        <v>263</v>
      </c>
      <c r="C10" s="12" t="s">
        <v>264</v>
      </c>
    </row>
    <row r="11" spans="1:4" x14ac:dyDescent="0.25">
      <c r="A11" s="12" t="s">
        <v>7</v>
      </c>
      <c r="B11" s="12" t="s">
        <v>7</v>
      </c>
      <c r="C11" s="12" t="s">
        <v>7</v>
      </c>
    </row>
    <row r="12" spans="1:4" x14ac:dyDescent="0.25">
      <c r="A12" s="4" t="s">
        <v>24</v>
      </c>
      <c r="B12" s="6" t="s">
        <v>265</v>
      </c>
      <c r="C12" s="14">
        <v>10151299321.780001</v>
      </c>
    </row>
    <row r="13" spans="1:4" x14ac:dyDescent="0.25">
      <c r="A13" s="4" t="s">
        <v>26</v>
      </c>
      <c r="B13" s="6" t="s">
        <v>266</v>
      </c>
      <c r="C13" s="14">
        <v>10151299321.780001</v>
      </c>
    </row>
    <row r="15" spans="1:4" x14ac:dyDescent="0.25">
      <c r="A15" s="12" t="s">
        <v>6</v>
      </c>
      <c r="B15" s="12" t="s">
        <v>8</v>
      </c>
      <c r="C15" s="12" t="s">
        <v>58</v>
      </c>
      <c r="D15" s="12" t="s">
        <v>59</v>
      </c>
    </row>
    <row r="16" spans="1:4" x14ac:dyDescent="0.25">
      <c r="A16" s="12" t="s">
        <v>7</v>
      </c>
      <c r="B16" s="12" t="s">
        <v>7</v>
      </c>
      <c r="C16" s="12" t="s">
        <v>7</v>
      </c>
      <c r="D16" s="12" t="s">
        <v>7</v>
      </c>
    </row>
    <row r="17" spans="1:4" x14ac:dyDescent="0.25">
      <c r="A17" s="4" t="s">
        <v>28</v>
      </c>
      <c r="B17" s="6" t="s">
        <v>267</v>
      </c>
      <c r="C17" s="14">
        <v>4820834054.4300003</v>
      </c>
      <c r="D17" s="14">
        <v>47.49</v>
      </c>
    </row>
    <row r="18" spans="1:4" x14ac:dyDescent="0.25">
      <c r="A18" s="4" t="s">
        <v>30</v>
      </c>
      <c r="B18" s="6" t="s">
        <v>268</v>
      </c>
      <c r="C18" s="14">
        <v>4974136667.6700001</v>
      </c>
      <c r="D18" s="14">
        <v>49</v>
      </c>
    </row>
    <row r="19" spans="1:4" x14ac:dyDescent="0.25">
      <c r="A19" s="4" t="s">
        <v>32</v>
      </c>
      <c r="B19" s="6" t="s">
        <v>269</v>
      </c>
      <c r="C19" s="14">
        <v>4725429834.29</v>
      </c>
      <c r="D19" s="14">
        <v>46.55</v>
      </c>
    </row>
    <row r="20" spans="1:4" x14ac:dyDescent="0.25">
      <c r="A20" s="4" t="s">
        <v>34</v>
      </c>
      <c r="B20" s="6" t="s">
        <v>270</v>
      </c>
      <c r="C20" s="14">
        <v>4476723000.8999996</v>
      </c>
      <c r="D20" s="14">
        <v>44.1</v>
      </c>
    </row>
    <row r="22" spans="1:4" x14ac:dyDescent="0.25">
      <c r="A22" s="12" t="s">
        <v>6</v>
      </c>
      <c r="B22" s="12" t="s">
        <v>91</v>
      </c>
      <c r="C22" s="12" t="s">
        <v>58</v>
      </c>
      <c r="D22" s="12" t="s">
        <v>246</v>
      </c>
    </row>
    <row r="23" spans="1:4" x14ac:dyDescent="0.25">
      <c r="A23" s="12" t="s">
        <v>7</v>
      </c>
      <c r="B23" s="12" t="s">
        <v>7</v>
      </c>
      <c r="C23" s="12" t="s">
        <v>7</v>
      </c>
      <c r="D23" s="12" t="s">
        <v>7</v>
      </c>
    </row>
    <row r="24" spans="1:4" x14ac:dyDescent="0.25">
      <c r="A24" s="4" t="s">
        <v>36</v>
      </c>
      <c r="B24" s="6" t="s">
        <v>271</v>
      </c>
      <c r="C24" s="14">
        <v>7362605975.4200001</v>
      </c>
      <c r="D24" s="14">
        <v>72.53</v>
      </c>
    </row>
    <row r="25" spans="1:4" x14ac:dyDescent="0.25">
      <c r="A25" s="4" t="s">
        <v>38</v>
      </c>
      <c r="B25" s="6" t="s">
        <v>272</v>
      </c>
      <c r="C25" s="14">
        <v>20302598643.560001</v>
      </c>
      <c r="D25" s="14">
        <v>200</v>
      </c>
    </row>
    <row r="27" spans="1:4" x14ac:dyDescent="0.25">
      <c r="A27" s="12" t="s">
        <v>6</v>
      </c>
      <c r="B27" s="12" t="s">
        <v>273</v>
      </c>
      <c r="C27" s="12" t="s">
        <v>58</v>
      </c>
      <c r="D27" s="12" t="s">
        <v>246</v>
      </c>
    </row>
    <row r="28" spans="1:4" x14ac:dyDescent="0.25">
      <c r="A28" s="12" t="s">
        <v>7</v>
      </c>
      <c r="B28" s="12" t="s">
        <v>7</v>
      </c>
      <c r="C28" s="12" t="s">
        <v>7</v>
      </c>
      <c r="D28" s="12" t="s">
        <v>7</v>
      </c>
    </row>
    <row r="29" spans="1:4" x14ac:dyDescent="0.25">
      <c r="A29" s="4" t="s">
        <v>40</v>
      </c>
      <c r="B29" s="6" t="s">
        <v>274</v>
      </c>
      <c r="C29" s="14">
        <v>21571649.640000001</v>
      </c>
      <c r="D29" s="14">
        <v>0.21</v>
      </c>
    </row>
    <row r="30" spans="1:4" x14ac:dyDescent="0.25">
      <c r="A30" s="4" t="s">
        <v>43</v>
      </c>
      <c r="B30" s="6" t="s">
        <v>272</v>
      </c>
      <c r="C30" s="14">
        <v>2233850.79</v>
      </c>
      <c r="D30" s="14">
        <v>22</v>
      </c>
    </row>
    <row r="32" spans="1:4" x14ac:dyDescent="0.25">
      <c r="A32" s="12" t="s">
        <v>6</v>
      </c>
      <c r="B32" s="12" t="s">
        <v>229</v>
      </c>
      <c r="C32" s="12" t="s">
        <v>58</v>
      </c>
      <c r="D32" s="12" t="s">
        <v>246</v>
      </c>
    </row>
    <row r="33" spans="1:4" x14ac:dyDescent="0.25">
      <c r="A33" s="12" t="s">
        <v>7</v>
      </c>
      <c r="B33" s="12" t="s">
        <v>7</v>
      </c>
      <c r="C33" s="12" t="s">
        <v>7</v>
      </c>
      <c r="D33" s="12" t="s">
        <v>7</v>
      </c>
    </row>
    <row r="34" spans="1:4" x14ac:dyDescent="0.25">
      <c r="A34" s="4" t="s">
        <v>45</v>
      </c>
      <c r="B34" s="6" t="s">
        <v>275</v>
      </c>
      <c r="C34" s="14">
        <v>0</v>
      </c>
      <c r="D34" s="14">
        <v>0</v>
      </c>
    </row>
    <row r="35" spans="1:4" x14ac:dyDescent="0.25">
      <c r="A35" s="4" t="s">
        <v>47</v>
      </c>
      <c r="B35" s="6" t="s">
        <v>276</v>
      </c>
      <c r="C35" s="14">
        <v>1624207891.48</v>
      </c>
      <c r="D35" s="14">
        <v>16</v>
      </c>
    </row>
    <row r="36" spans="1:4" x14ac:dyDescent="0.25">
      <c r="A36" s="4" t="s">
        <v>49</v>
      </c>
      <c r="B36" s="6" t="s">
        <v>277</v>
      </c>
      <c r="C36" s="14">
        <v>0</v>
      </c>
      <c r="D36" s="14">
        <v>0</v>
      </c>
    </row>
    <row r="37" spans="1:4" x14ac:dyDescent="0.25">
      <c r="A37" s="4" t="s">
        <v>51</v>
      </c>
      <c r="B37" s="6" t="s">
        <v>278</v>
      </c>
      <c r="C37" s="14">
        <v>710590952.51999998</v>
      </c>
      <c r="D37" s="14">
        <v>7</v>
      </c>
    </row>
    <row r="39" spans="1:4" x14ac:dyDescent="0.25">
      <c r="A39" s="12" t="s">
        <v>6</v>
      </c>
      <c r="B39" s="12" t="s">
        <v>279</v>
      </c>
      <c r="C39" s="12" t="s">
        <v>280</v>
      </c>
      <c r="D39" s="12" t="s">
        <v>281</v>
      </c>
    </row>
    <row r="40" spans="1:4" x14ac:dyDescent="0.25">
      <c r="A40" s="12" t="s">
        <v>7</v>
      </c>
      <c r="B40" s="12" t="s">
        <v>7</v>
      </c>
      <c r="C40" s="12" t="s">
        <v>7</v>
      </c>
      <c r="D40" s="12" t="s">
        <v>7</v>
      </c>
    </row>
    <row r="41" spans="1:4" x14ac:dyDescent="0.25">
      <c r="A41" s="4" t="s">
        <v>53</v>
      </c>
      <c r="B41" s="6" t="s">
        <v>282</v>
      </c>
      <c r="C41" s="14">
        <v>0</v>
      </c>
      <c r="D41" s="14">
        <v>0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5</vt:i4>
      </vt:variant>
    </vt:vector>
  </HeadingPairs>
  <TitlesOfParts>
    <vt:vector size="5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8-05-29T14:05:56Z</dcterms:created>
  <dcterms:modified xsi:type="dcterms:W3CDTF">2018-05-29T14:54:07Z</dcterms:modified>
</cp:coreProperties>
</file>